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mc:AlternateContent xmlns:mc="http://schemas.openxmlformats.org/markup-compatibility/2006">
    <mc:Choice Requires="x15">
      <x15ac:absPath xmlns:x15ac="http://schemas.microsoft.com/office/spreadsheetml/2010/11/ac" url="C:\Users\s3129921\Downloads\"/>
    </mc:Choice>
  </mc:AlternateContent>
  <xr:revisionPtr revIDLastSave="0" documentId="13_ncr:8001_{08501047-BB64-4F48-A03F-36225C91F91E}" xr6:coauthVersionLast="47" xr6:coauthVersionMax="47" xr10:uidLastSave="{00000000-0000-0000-0000-000000000000}"/>
  <bookViews>
    <workbookView xWindow="-28920" yWindow="-120" windowWidth="29040" windowHeight="15840" xr2:uid="{00000000-000D-0000-FFFF-FFFF00000000}"/>
  </bookViews>
  <sheets>
    <sheet name="Cover" sheetId="1" r:id="rId1"/>
    <sheet name="TDM" sheetId="2" r:id="rId2"/>
    <sheet name="Notes_1" sheetId="3" r:id="rId3"/>
    <sheet name="Notes_2" sheetId="4" r:id="rId4"/>
    <sheet name="Notes_3" sheetId="5" r:id="rId5"/>
    <sheet name="GTDAR" sheetId="6" r:id="rId6"/>
    <sheet name="1" sheetId="7" r:id="rId7"/>
    <sheet name="2" sheetId="8" r:id="rId8"/>
    <sheet name="3" sheetId="9" r:id="rId9"/>
    <sheet name="4" sheetId="10" r:id="rId10"/>
    <sheet name="5" sheetId="11" r:id="rId11"/>
    <sheet name="6" sheetId="12" r:id="rId12"/>
    <sheet name="7" sheetId="13" r:id="rId13"/>
    <sheet name="8" sheetId="14" r:id="rId14"/>
    <sheet name="9" sheetId="15" r:id="rId15"/>
    <sheet name="10" sheetId="16" r:id="rId16"/>
    <sheet name="11" sheetId="17" r:id="rId17"/>
    <sheet name="12" sheetId="18" r:id="rId18"/>
    <sheet name="13" sheetId="19" r:id="rId19"/>
    <sheet name="14" sheetId="20" r:id="rId20"/>
    <sheet name="15" sheetId="21" r:id="rId21"/>
    <sheet name="16" sheetId="22" r:id="rId22"/>
    <sheet name="17" sheetId="23" r:id="rId23"/>
    <sheet name="18" sheetId="24" r:id="rId24"/>
    <sheet name="19" sheetId="25" r:id="rId25"/>
    <sheet name="20" sheetId="26" r:id="rId26"/>
    <sheet name="21" sheetId="27" r:id="rId27"/>
    <sheet name="22" sheetId="28" r:id="rId28"/>
    <sheet name="23" sheetId="29" r:id="rId29"/>
    <sheet name="24" sheetId="30" r:id="rId30"/>
    <sheet name="25" sheetId="31" r:id="rId31"/>
    <sheet name="26" sheetId="32" r:id="rId32"/>
    <sheet name="27" sheetId="33" r:id="rId33"/>
    <sheet name="28" sheetId="34" r:id="rId34"/>
    <sheet name="29" sheetId="35" r:id="rId35"/>
    <sheet name="30" sheetId="36" r:id="rId36"/>
    <sheet name="31" sheetId="37" r:id="rId37"/>
  </sheets>
  <externalReferences>
    <externalReference r:id="rId38"/>
    <externalReference r:id="rId39"/>
  </externalReferences>
  <definedNames>
    <definedName name="Cover" localSheetId="0">Cover!$B$20:$P$22</definedName>
    <definedName name="FiscalYear" localSheetId="1">[1]Home!$D$7</definedName>
    <definedName name="FiscalYear">[2]Home!$D$7</definedName>
    <definedName name="HeadingVariance">Cover!#REF!</definedName>
    <definedName name="HeadingVarianceOther">Cover!#REF!</definedName>
    <definedName name="_xlnm.Print_Area" localSheetId="27">'22'!$A$1:$P$35</definedName>
    <definedName name="_xlnm.Print_Area" localSheetId="0">Cover!$A$1:$Q$35</definedName>
    <definedName name="ReportPeriod" localSheetId="1">[1]Home!$D$8</definedName>
    <definedName name="ReportPeriod">[2]Home!$D$8</definedName>
    <definedName name="VarianceMax">Cover!$T$2</definedName>
    <definedName name="VarianceMin">Cover!$T$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3" i="2" l="1"/>
</calcChain>
</file>

<file path=xl/sharedStrings.xml><?xml version="1.0" encoding="utf-8"?>
<sst xmlns="http://schemas.openxmlformats.org/spreadsheetml/2006/main" count="4141" uniqueCount="897">
  <si>
    <t>Informations</t>
  </si>
  <si>
    <t>financières supplémentaires</t>
  </si>
  <si>
    <t>T2 2023</t>
  </si>
  <si>
    <t>Pour la période close le  30 avril 2023</t>
  </si>
  <si>
    <t>John McCartney (john.mccartney@scotiabank.com)</t>
  </si>
  <si>
    <t>Sophia Saeed (sophia.saeed@scotiabank.com)</t>
  </si>
  <si>
    <t>Rebecca Hoang (rebecca.hoang@scotiabank.com)</t>
  </si>
  <si>
    <t>Informations financières supplémentaires (IFS)</t>
  </si>
  <si>
    <t>Page</t>
  </si>
  <si>
    <t>Notes – Adoption de mesures non conformes aux PCGR</t>
  </si>
  <si>
    <t>Notes</t>
  </si>
  <si>
    <t>Recommandations du Groupe de travail sur la divulgation accrue des renseignements (« GTDAR »)</t>
  </si>
  <si>
    <t>GTDAR</t>
  </si>
  <si>
    <t>Faits saillants</t>
  </si>
  <si>
    <t>Données sur les actions ordinaires et autres renseignements</t>
  </si>
  <si>
    <t>État consolidé du résultat net</t>
  </si>
  <si>
    <t>Performance des secteurs d’activité</t>
  </si>
  <si>
    <t>• Réseau canadien</t>
  </si>
  <si>
    <t>• Opérations internationales</t>
  </si>
  <si>
    <t>• Opérations internationales (en dollars constants)</t>
  </si>
  <si>
    <t>• Gestion de patrimoine mondiale</t>
  </si>
  <si>
    <t>• Services bancaires et marchés mondiaux</t>
  </si>
  <si>
    <t>• Autres</t>
  </si>
  <si>
    <t>Revenus autres que d’intérêts</t>
  </si>
  <si>
    <t>Revenus provenant des activités de transaction et actifs sous administration et sous gestion</t>
  </si>
  <si>
    <t>Charges d’exploitation</t>
  </si>
  <si>
    <t>État consolidé de la situation financière – Actifs (soldes au comptant)</t>
  </si>
  <si>
    <t>État consolidé de la situation financière – Passifs et capitaux propres (soldes au comptant)</t>
  </si>
  <si>
    <t>Soldes moyens à l’état de la situation financière</t>
  </si>
  <si>
    <t>État consolidé des variations des capitaux propres</t>
  </si>
  <si>
    <t>État consolidé des variations des capitaux propres (suite)</t>
  </si>
  <si>
    <t>Informations relatives au crédit</t>
  </si>
  <si>
    <t>• Prêts douteux par secteurs d’activité</t>
  </si>
  <si>
    <t>• Compte de correction de valeur pour pertes sur créances et autres réserves</t>
  </si>
  <si>
    <t>• Prêts douteux par catégories d’emprunteurs</t>
  </si>
  <si>
    <t>Investissements financiers – profits (pertes) latents</t>
  </si>
  <si>
    <t>Annexe 2 : Opérations internationales par régions – Amérique latine</t>
  </si>
  <si>
    <t>Retour à la table des matières</t>
  </si>
  <si>
    <t/>
  </si>
  <si>
    <t xml:space="preserve">Mesures non conformes aux PCGR </t>
  </si>
  <si>
    <t>Pour évaluer sa performance et celle de ses secteurs d’exploitation, la Banque a recours à diverses mesures financières et différents ratios financiers. Certains d’entre eux sont présentés sur une base non conforme aux PCGR et ne sont pas calculés selon les principes comptables généralement reconnus (PCGR), lesquels sont fondés sur les Normes internationales d’information financière (IFRS) telles qu’elles ont été publiées par l’International Accounting Standards Board (IASB), ni définis par les PCGR. Ces mesures n’ont aucune signification normalisée et pourraient donc ne pas être comparables à des mesures financières similaires présentées par d’autres émetteurs. La Banque est d’avis que les mesures et ratios non conformes aux PCGR sont utiles puisqu’ils permettent au lecteur de mieux comprendre comment la direction évalue la performance. Ces mesures et ratios non conformes aux PCGR sont utilisés dans le présent rapport de gestion et ils sont définis ci-après.</t>
  </si>
  <si>
    <t xml:space="preserve">Résultats ajustés et bénéfice dilué ajusté par action </t>
  </si>
  <si>
    <t>1. Amortissement des immobilisations incorporelles liées aux acquisitions : Ces coûts ont trait à l’amortissement des immobilisations incorporelles comptabilisé à l’acquisition d’entreprises, à l’exception des logiciels, et ils sont comptabilisés dans les secteurs d’exploitation Réseau canadien, Opérations internationales et Gestion de patrimoine mondiale.</t>
  </si>
  <si>
    <t xml:space="preserve">Ajustements ayant une incidence sur les périodes antérieures seulement </t>
  </si>
  <si>
    <t>30 avril 2023</t>
  </si>
  <si>
    <t>T1</t>
  </si>
  <si>
    <t xml:space="preserve">(en millions de dollars) </t>
  </si>
  <si>
    <r>
      <rPr>
        <b/>
        <sz val="9"/>
        <color rgb="FF000000"/>
        <rFont val="Scotia"/>
        <family val="2"/>
      </rPr>
      <t>2023</t>
    </r>
  </si>
  <si>
    <t>Éléments d’ajustement (avant impôt)</t>
  </si>
  <si>
    <t>T2</t>
  </si>
  <si>
    <t>Coûts liés aux acquisitions</t>
  </si>
  <si>
    <t>Opérations internationales</t>
  </si>
  <si>
    <t xml:space="preserve">Réseau canadien </t>
  </si>
  <si>
    <t>Bénéfice net attribuable aux détenteurs de titres de capitaux propres</t>
  </si>
  <si>
    <t>Bénéfice net</t>
  </si>
  <si>
    <t>Charge d’impôt sur le résultat</t>
  </si>
  <si>
    <t>Bénéfice avant impôt sur le résultat</t>
  </si>
  <si>
    <t>Charges autres que d’intérêts</t>
  </si>
  <si>
    <t>Dotation au compte de correction de valeur pour pertes sur créances</t>
  </si>
  <si>
    <t>Total des revenus</t>
  </si>
  <si>
    <t>30 avril 2022</t>
  </si>
  <si>
    <t>31 janvier 2023</t>
  </si>
  <si>
    <t>Total (avant impôt)</t>
  </si>
  <si>
    <t>Total (après impôt et PDPC)</t>
  </si>
  <si>
    <t>2) Exclut l’amortissement des immobilisations incorporelles liées aux logiciels</t>
  </si>
  <si>
    <t>3) Comptabilisé dans le secteur d’exploitation Autres.</t>
  </si>
  <si>
    <t>Rapprochement des résultats présentés et ajustés</t>
  </si>
  <si>
    <t>Pour les trimestres clos les</t>
  </si>
  <si>
    <t>Pour les semestres clos les</t>
  </si>
  <si>
    <t>(en millions de dollars)</t>
  </si>
  <si>
    <t>Revenus d’intérêts nets</t>
  </si>
  <si>
    <t>Résultats présentés</t>
  </si>
  <si>
    <t>Bénéfice net présenté</t>
  </si>
  <si>
    <t>Bénéfice net attribuable aux participations ne donnant pas le contrôle dans des filiales (PDPC)</t>
  </si>
  <si>
    <t xml:space="preserve">Charge d’impôt sur le résultat (BMEF) </t>
  </si>
  <si>
    <t>Total des revenus (BMEF)</t>
  </si>
  <si>
    <t>Bénéfice dilué par action (en dollars)</t>
  </si>
  <si>
    <t>Nombre moyen pondéré dilué d’actions ordinaires en circulation (en millions)</t>
  </si>
  <si>
    <t>Ajustements</t>
  </si>
  <si>
    <t>Prêts hypothécaires à l’habitation</t>
  </si>
  <si>
    <t>Éléments d’ajustement ayant une incidence sur les charges autres que d’intérêts (avant impôt)</t>
  </si>
  <si>
    <t>Ratio de productivité (%)</t>
  </si>
  <si>
    <t>Rendement des capitaux propres (%)</t>
  </si>
  <si>
    <t>Total des éléments d’ajustement au titre des charges autres que d’intérêts (avant impôt)</t>
  </si>
  <si>
    <t>Total de l’incidence des éléments d’ajustement sur le bénéfice net avant impôt</t>
  </si>
  <si>
    <t>Incidence des éléments d’ajustement sur la charge d’impôt sur le résultat</t>
  </si>
  <si>
    <t>Dividende pour la relance du Canada</t>
  </si>
  <si>
    <t>Total de l’incidence des éléments d’ajustement sur la charge d’impôt sur le résultat</t>
  </si>
  <si>
    <t>Total de l’incidence des éléments d’ajustement sur le bénéfice net</t>
  </si>
  <si>
    <t>Incidence des éléments d’ajustement sur les PDPC liées aux charges de restructuration et autres provisions</t>
  </si>
  <si>
    <t>Total de l’incidence des éléments d’ajustement sur le bénéfice net attribuable aux détenteurs de titres de capitaux propres et aux actionnaires ordinaires</t>
  </si>
  <si>
    <t xml:space="preserve">Résultats ajustés </t>
  </si>
  <si>
    <t>Bénéfice net attribuable aux PDPC</t>
  </si>
  <si>
    <t>Dotation au compte de correction de valeur pour pertes sur créances – dotation (reprise)</t>
  </si>
  <si>
    <t>Autres revenus d’exploitation (BMEF)</t>
  </si>
  <si>
    <t>Incidence des ajustements sur le bénéfice dilué par action (en dollars)</t>
  </si>
  <si>
    <t xml:space="preserve">Le tableau qui suit présente la table des matières des recommandations du GTDAR, afin de faciliter la consultation des documents publiés de la Banque, qui sont disponibles au www.banquescotia.com/relationsinvestisseurs. </t>
  </si>
  <si>
    <t>Tableau de référence du GTDAR – 30 avril 2023</t>
  </si>
  <si>
    <t xml:space="preserve">Recommandation </t>
  </si>
  <si>
    <t>GAB</t>
  </si>
  <si>
    <t>Rapport annuel 2022</t>
  </si>
  <si>
    <t>Type de risque</t>
  </si>
  <si>
    <t>Numéro</t>
  </si>
  <si>
    <t>Information fournie</t>
  </si>
  <si>
    <t>Rapport trimestriel</t>
  </si>
  <si>
    <t xml:space="preserve">Informations supplémentaires sur les fonds propres réglementaires </t>
  </si>
  <si>
    <t>Rapport de gestion</t>
  </si>
  <si>
    <t xml:space="preserve">États financiers </t>
  </si>
  <si>
    <t xml:space="preserve">Général </t>
  </si>
  <si>
    <t xml:space="preserve">Liste des risques auxquels la Banque est exposée. </t>
  </si>
  <si>
    <t>Terminologie, mesures et paramètres clés liés au risque de la Banque.</t>
  </si>
  <si>
    <r>
      <rPr>
        <sz val="7"/>
        <color rgb="FF000000"/>
        <rFont val="Scotia"/>
        <family val="2"/>
      </rPr>
      <t>74-78</t>
    </r>
  </si>
  <si>
    <t xml:space="preserve">Risques importants et risques émergents et évolution des risques durant la période de communication de l’information. </t>
  </si>
  <si>
    <r>
      <rPr>
        <sz val="7"/>
        <color rgb="FF000000"/>
        <rFont val="Scotia"/>
        <family val="2"/>
      </rPr>
      <t>80-81, 85-91</t>
    </r>
  </si>
  <si>
    <t xml:space="preserve">Examen des faits nouveaux en matière de réglementation et des plans visant à satisfaire aux nouveaux ratios réglementaires. </t>
  </si>
  <si>
    <r>
      <rPr>
        <sz val="7"/>
        <color rgb="FF000000"/>
        <rFont val="Scotia"/>
        <family val="2"/>
      </rPr>
      <t>54-57, 99-102,</t>
    </r>
    <r>
      <rPr>
        <sz val="7"/>
        <color rgb="FF000000"/>
        <rFont val="Scotia"/>
        <family val="2"/>
      </rPr>
      <t>_x000D_
114-1</t>
    </r>
    <r>
      <rPr>
        <sz val="7"/>
        <color theme="1"/>
        <rFont val="Scotia"/>
        <family val="2"/>
      </rPr>
      <t>16</t>
    </r>
  </si>
  <si>
    <t xml:space="preserve">Gouvernance du risque, gestion du risque et modèle d’affaires </t>
  </si>
  <si>
    <t>Structure de gouvernance du risque de la Banque.</t>
  </si>
  <si>
    <r>
      <rPr>
        <sz val="7"/>
        <color rgb="FF000000"/>
        <rFont val="Scotia"/>
        <family val="2"/>
      </rPr>
      <t>72-74</t>
    </r>
  </si>
  <si>
    <t xml:space="preserve">Description des principaux risques découlant du modèle d’affaires de la Banque. </t>
  </si>
  <si>
    <t xml:space="preserve">Essais dans des conditions critiques dans le cadre des activités de gouvernance du risque et de gestion du capital de la Banque. </t>
  </si>
  <si>
    <r>
      <rPr>
        <sz val="7"/>
        <color rgb="FF000000"/>
        <rFont val="Scotia"/>
        <family val="2"/>
      </rPr>
      <t>75-76</t>
    </r>
  </si>
  <si>
    <t>Suffisance des fonds propres et actifs pondérés en fonction des risques</t>
  </si>
  <si>
    <t xml:space="preserve">Exigences en matière de fonds propres liées au pilier 1 et répercussions pour les établissements bancaires d’importance systémique à l’échelle mondiale. </t>
  </si>
  <si>
    <r>
      <rPr>
        <sz val="7"/>
        <color rgb="FF000000"/>
        <rFont val="Scotia"/>
        <family val="2"/>
      </rPr>
      <t>44-45</t>
    </r>
  </si>
  <si>
    <r>
      <rPr>
        <sz val="7"/>
        <color rgb="FF000000"/>
        <rFont val="Scotia"/>
        <family val="2"/>
      </rPr>
      <t>54-57</t>
    </r>
  </si>
  <si>
    <t>a) Composantes des fonds propres réglementaires.</t>
  </si>
  <si>
    <t>b) Rapprochement du bilan comptable et du bilan réglementaire.</t>
  </si>
  <si>
    <t>État des variations des fonds propres réglementaires depuis la période de communication de l’information précédente,</t>
  </si>
  <si>
    <r>
      <rPr>
        <sz val="7"/>
        <color rgb="FF000000"/>
        <rFont val="Scotia"/>
        <family val="2"/>
      </rPr>
      <t>59-60</t>
    </r>
  </si>
  <si>
    <t xml:space="preserve">y compris l’évolution des actions ordinaires et assimilées de T1, des autres fonds propres de T1 et des fonds propres de T2. </t>
  </si>
  <si>
    <t xml:space="preserve">Analyse du niveau cible de capital, et plans pour atteindre celui-ci. </t>
  </si>
  <si>
    <r>
      <rPr>
        <sz val="7"/>
        <color rgb="FF000000"/>
        <rFont val="Scotia"/>
        <family val="2"/>
      </rPr>
      <t>63-67, 79, 123</t>
    </r>
  </si>
  <si>
    <r>
      <rPr>
        <sz val="7"/>
        <color rgb="FF000000"/>
        <rFont val="Scotia"/>
        <family val="2"/>
      </rPr>
      <t>176, 229</t>
    </r>
  </si>
  <si>
    <t xml:space="preserve">Analyse des exigences en matière de fonds propres pour chaque catégorie d’actif aux termes des règles de Bâle. </t>
  </si>
  <si>
    <r>
      <rPr>
        <sz val="7"/>
        <color rgb="FF000000"/>
        <rFont val="Scotia"/>
        <family val="2"/>
      </rPr>
      <t>63-67</t>
    </r>
  </si>
  <si>
    <r>
      <rPr>
        <sz val="7"/>
        <color rgb="FF000000"/>
        <rFont val="Scotia"/>
        <family val="2"/>
      </rPr>
      <t>176, 223-229</t>
    </r>
  </si>
  <si>
    <t>Compilation du risque de crédit de la Banque.</t>
  </si>
  <si>
    <t>États du rapprochement des variations des actifs pondérés en fonction des risques pour chaque type d’actifs pondérés en fonction des risques.</t>
  </si>
  <si>
    <t>Examen de l’exigence d’évaluation rétrospective des règles de Bâle III, y compris le rendement et la validation du modèle lié au risque de crédit.</t>
  </si>
  <si>
    <r>
      <rPr>
        <sz val="7"/>
        <color rgb="FF000000"/>
        <rFont val="Scotia"/>
        <family val="2"/>
      </rPr>
      <t>64-66</t>
    </r>
  </si>
  <si>
    <t xml:space="preserve">Liquidité et financement </t>
  </si>
  <si>
    <t>Analyse des actifs liquides de la Banque.</t>
  </si>
  <si>
    <r>
      <rPr>
        <sz val="7"/>
        <color rgb="FF000000"/>
        <rFont val="Scotia"/>
        <family val="2"/>
      </rPr>
      <t>97-102</t>
    </r>
  </si>
  <si>
    <t xml:space="preserve">Analyse des actifs grevés et non grevés par catégories du bilan. </t>
  </si>
  <si>
    <t>Total consolidé des actifs, des passifs et des engagements hors bilan analysés par échéances contractuelles restantes à la date du bilan.</t>
  </si>
  <si>
    <r>
      <rPr>
        <sz val="7"/>
        <color rgb="FF000000"/>
        <rFont val="Scotia"/>
        <family val="2"/>
      </rPr>
      <t>103-105</t>
    </r>
  </si>
  <si>
    <t xml:space="preserve">Analyse des sources de financement de la Banque et description de sa stratégie de financement. </t>
  </si>
  <si>
    <r>
      <rPr>
        <sz val="7"/>
        <color rgb="FF000000"/>
        <rFont val="Scotia"/>
        <family val="2"/>
      </rPr>
      <t>102-103</t>
    </r>
  </si>
  <si>
    <t xml:space="preserve">Risque de marché </t>
  </si>
  <si>
    <t>Interdépendance des mesures du risque de marché pour les portefeuilles de transaction, les portefeuilles de titres détenus à des fins autres que de transaction et le bilan.</t>
  </si>
  <si>
    <t xml:space="preserve">Examen des principaux facteurs du risque de marché pour les portefeuilles de transaction et les portefeuilles de titres détenus à des fins autres que de transaction. </t>
  </si>
  <si>
    <r>
      <rPr>
        <sz val="7"/>
        <color rgb="FF000000"/>
        <rFont val="Scotia"/>
        <family val="2"/>
      </rPr>
      <t>92-97</t>
    </r>
  </si>
  <si>
    <r>
      <rPr>
        <sz val="7"/>
        <color rgb="FF000000"/>
        <rFont val="Scotia"/>
        <family val="2"/>
      </rPr>
      <t>228-229</t>
    </r>
  </si>
  <si>
    <t>Examen de l’évolution de la VàR d’une période à l’autre et des hypothèses, limites, évaluations rétroactives et validations de la VàR.</t>
  </si>
  <si>
    <t>Autres techniques de gestion du risque : essais dans des conditions critiques, VàR ayant subi une simulation de crise, évaluation du risque d’écart grave et horizon du risque de marché.</t>
  </si>
  <si>
    <t xml:space="preserve">Risque de crédit </t>
  </si>
  <si>
    <t>Analyse des expositions globales au risque de crédit, y compris pour les prêts personnels et les prêts de gros.</t>
  </si>
  <si>
    <r>
      <rPr>
        <sz val="7"/>
        <color rgb="FF000000"/>
        <rFont val="Scotia"/>
        <family val="2"/>
      </rPr>
      <t>85-91, 117-123</t>
    </r>
  </si>
  <si>
    <r>
      <rPr>
        <sz val="7"/>
        <color rgb="FF000000"/>
        <rFont val="Scotia"/>
        <family val="2"/>
      </rPr>
      <t>186-187, 225-227</t>
    </r>
  </si>
  <si>
    <t>Examen des politiques visant à cerner les prêts douteux, à définir la dépréciation et les prêts renégociés ainsi qu’à expliquer les politiques de report de remboursements de prêts.</t>
  </si>
  <si>
    <r>
      <rPr>
        <sz val="7"/>
        <color rgb="FF000000"/>
        <rFont val="Scotia"/>
        <family val="2"/>
      </rPr>
      <t>155-157, 187</t>
    </r>
  </si>
  <si>
    <t xml:space="preserve">Rapprochements des soldes d’ouverture et de clôture des prêts dépréciés et dotations au compte de correction de valeur pour l’exercice. </t>
  </si>
  <si>
    <r>
      <rPr>
        <sz val="7"/>
        <color rgb="FF000000"/>
        <rFont val="Scotia"/>
        <family val="2"/>
      </rPr>
      <t>88, 117-118, 120, 121</t>
    </r>
  </si>
  <si>
    <t xml:space="preserve">Analyse du risque de crédit de contrepartie découlant des transactions dérivées. </t>
  </si>
  <si>
    <r>
      <rPr>
        <sz val="7"/>
        <color rgb="FF000000"/>
        <rFont val="Scotia"/>
        <family val="2"/>
      </rPr>
      <t>83-84</t>
    </r>
  </si>
  <si>
    <r>
      <rPr>
        <sz val="7"/>
        <color rgb="FF000000"/>
        <rFont val="Scotia"/>
        <family val="2"/>
      </rPr>
      <t>174-177</t>
    </r>
  </si>
  <si>
    <t xml:space="preserve">Analyse des techniques d’atténuation du risque de crédit, y compris les garanties détenues pour toutes les sources de risque de crédit. </t>
  </si>
  <si>
    <r>
      <rPr>
        <sz val="7"/>
        <color rgb="FF000000"/>
        <rFont val="Scotia"/>
        <family val="2"/>
      </rPr>
      <t>83-84, 89</t>
    </r>
  </si>
  <si>
    <t>Autres risques</t>
  </si>
  <si>
    <t xml:space="preserve">Mesures quantifiées de gestion du risque d’exploitation.  </t>
  </si>
  <si>
    <r>
      <rPr>
        <sz val="7"/>
        <color rgb="FF000000"/>
        <rFont val="Scotia"/>
        <family val="2"/>
      </rPr>
      <t>67, 106</t>
    </r>
  </si>
  <si>
    <t xml:space="preserve">Examen des éléments de risque connus publiquement.  </t>
  </si>
  <si>
    <t>Présenté</t>
  </si>
  <si>
    <r>
      <rPr>
        <b/>
        <sz val="11"/>
        <color rgb="FF000000"/>
        <rFont val="Scotia"/>
        <family val="2"/>
      </rPr>
      <t>2023</t>
    </r>
  </si>
  <si>
    <t>Performance d’exploitation</t>
  </si>
  <si>
    <t>Autres déductions</t>
  </si>
  <si>
    <t>Moins :</t>
  </si>
  <si>
    <t>Moins les actifs non productifs</t>
  </si>
  <si>
    <r>
      <rPr>
        <sz val="11"/>
        <color rgb="FF000000"/>
        <rFont val="Scotia"/>
        <family val="2"/>
      </rPr>
      <t>2023</t>
    </r>
  </si>
  <si>
    <t>BPA ($) – de base</t>
  </si>
  <si>
    <t>BPA ($) – dilué</t>
  </si>
  <si>
    <t>Titres</t>
  </si>
  <si>
    <t>Bénéfice net attribuable aux actionnaires ordinaires (dilué)</t>
  </si>
  <si>
    <t>Dépôts</t>
  </si>
  <si>
    <t xml:space="preserve">Ratio de productivité (%) </t>
  </si>
  <si>
    <t>Taux d’impôt effectif (%)</t>
  </si>
  <si>
    <t xml:space="preserve">Total des actifs </t>
  </si>
  <si>
    <t>Montant net des prêts et des acceptations</t>
  </si>
  <si>
    <t>Réseau canadien</t>
  </si>
  <si>
    <t>Capitaux propres attribuables aux actionnaires ordinaires</t>
  </si>
  <si>
    <t>Qualité du crédit</t>
  </si>
  <si>
    <t>Montant brut des prêts douteux</t>
  </si>
  <si>
    <t>Montant net des prêts douteux (en millions de dollars)</t>
  </si>
  <si>
    <t>Mesures des fonds propres et de la liquidité</t>
  </si>
  <si>
    <t xml:space="preserve">2) Se reporter aux mesures non conformes aux PCGR à la page 4 du rapport trimestriel aux actionnaires du deuxième trimestre de 2023, disponible à www.sedar.com. </t>
  </si>
  <si>
    <t>3) Les montants des périodes précédentes ont été retraités aux fins de conformité avec les calculs adoptés pour la période à l’étude.</t>
  </si>
  <si>
    <t>9) Cette mesure est présentée dans le présent document conformément à la ligne directrice Divulgation publique du ratio de liquidité à court terme des banques d’importance systémique intérieure du BSIF et à la ligne directrice Exigences de communication financière du ratio de liquidité à long terme du BSIF (janvier 2021).</t>
  </si>
  <si>
    <t xml:space="preserve">10) Cette mesure est présentée dans le présent document conformément à la ligne directrice Divulgation publique du ratio de liquidité à court terme des banques d’importance systémique intérieure du BSIF (avril 2015). </t>
  </si>
  <si>
    <t>11) Cette mesure est présentée dans le présent document conformément à la ligne directrice Capacité totale d’absorption des pertes du BSIF (septembre 2018).</t>
  </si>
  <si>
    <t>Évaluation</t>
  </si>
  <si>
    <t>Cours des actions ($)</t>
  </si>
  <si>
    <t>– Clôture</t>
  </si>
  <si>
    <t>Dividendes</t>
  </si>
  <si>
    <t>Dividendes sur les actions ordinaires par action ($)</t>
  </si>
  <si>
    <t>Actions</t>
  </si>
  <si>
    <t>– de base</t>
  </si>
  <si>
    <t xml:space="preserve">– dilué </t>
  </si>
  <si>
    <t>Amortissement des immobilisations incorporelles (avant impôt)</t>
  </si>
  <si>
    <t>Notations de crédit des titres de créance de premier rang traditionnels</t>
  </si>
  <si>
    <t>Revenu net (perte nette) découlant de participations dans des sociétés associées</t>
  </si>
  <si>
    <t>Revenus nets tirés des frais et des commissions</t>
  </si>
  <si>
    <t>Revenus autres que d’intérêts (BMEF)</t>
  </si>
  <si>
    <t>2) D’après le BPA des quatre derniers trimestres</t>
  </si>
  <si>
    <t>3) Exclut les sociétés membres du groupe.</t>
  </si>
  <si>
    <t xml:space="preserve">4) Les employés sont présentés selon l’effectif équivalent temps plein. </t>
  </si>
  <si>
    <t>Revenus d’intérêts nets (BMEF)</t>
  </si>
  <si>
    <t>Revenus d’intérêts</t>
  </si>
  <si>
    <t xml:space="preserve">Charges d’intérêts </t>
  </si>
  <si>
    <t xml:space="preserve">Revenus d’intérêts nets </t>
  </si>
  <si>
    <t xml:space="preserve">Total des revenus </t>
  </si>
  <si>
    <t>Total des charges autres que d’intérêts</t>
  </si>
  <si>
    <t xml:space="preserve">Bénéfice net présenté  </t>
  </si>
  <si>
    <t>Canada</t>
  </si>
  <si>
    <t>Actionnaires privilégiées</t>
  </si>
  <si>
    <t xml:space="preserve">Actionnaires ordinaires </t>
  </si>
  <si>
    <t>Performance des secteurs d’activité : Réseau canadien</t>
  </si>
  <si>
    <t>Titres de capitaux propres</t>
  </si>
  <si>
    <t>Taux d’intérêt et crédit</t>
  </si>
  <si>
    <t>Bénéfice net attribuable aux participations ne donnant pas le contrôle (PDPC)</t>
  </si>
  <si>
    <t>Étranger</t>
  </si>
  <si>
    <t>Mesures de rentabilité</t>
  </si>
  <si>
    <t>Titres de placement</t>
  </si>
  <si>
    <t>Prêts personnels</t>
  </si>
  <si>
    <t xml:space="preserve">Prêts personnels </t>
  </si>
  <si>
    <t>Métaux</t>
  </si>
  <si>
    <t>Exploitation minière</t>
  </si>
  <si>
    <t>Instruments de créance à la juste valeur par le biais des autres éléments du résultat global</t>
  </si>
  <si>
    <t xml:space="preserve">1) Se reporter aux mesures non conformes aux PCGR à la page 4 du rapport trimestriel aux actionnaires du deuxième trimestre de 2023, disponible à www.sedar.com. </t>
  </si>
  <si>
    <t>Performance des secteurs d’activité : Opérations internationales</t>
  </si>
  <si>
    <r>
      <rPr>
        <sz val="11"/>
        <color rgb="FF000000"/>
        <rFont val="Scotia"/>
        <family val="2"/>
      </rPr>
      <t>2022</t>
    </r>
  </si>
  <si>
    <r>
      <rPr>
        <sz val="11"/>
        <color rgb="FF000000"/>
        <rFont val="Scotia"/>
        <family val="2"/>
      </rPr>
      <t>2021</t>
    </r>
  </si>
  <si>
    <t xml:space="preserve">Régimes de retraite </t>
  </si>
  <si>
    <t>Marchés financiers</t>
  </si>
  <si>
    <t>Services aux entreprises</t>
  </si>
  <si>
    <t>Actifs détenus à des fins de transaction</t>
  </si>
  <si>
    <t>Prêts</t>
  </si>
  <si>
    <t>2) Se reporter aux mesures non conformes aux PCGR à la page 4 du rapport trimestriel aux actionnaires du deuxième trimestre de 2023, disponible à www.sedar.com.</t>
  </si>
  <si>
    <t>3) Les ratios se fondent sur les données présentées.</t>
  </si>
  <si>
    <t>6) Les employés sont présentés selon l’effectif équivalent temps plein.</t>
  </si>
  <si>
    <t>Performance des secteurs d’activité : Gestion de patrimoine mondiale</t>
  </si>
  <si>
    <t>Gestion de patrimoine</t>
  </si>
  <si>
    <t>Classements nets</t>
  </si>
  <si>
    <t>Total</t>
  </si>
  <si>
    <t>À l’étranger</t>
  </si>
  <si>
    <t>Revenus par secteurs géographiques</t>
  </si>
  <si>
    <t>Actifs sous administration par secteurs géographiques :</t>
  </si>
  <si>
    <t xml:space="preserve">Total des actifs sous administration </t>
  </si>
  <si>
    <t>Actifs sous gestion par secteurs géographiques :</t>
  </si>
  <si>
    <t>Total des actifs sous gestion</t>
  </si>
  <si>
    <t>Au Canada</t>
  </si>
  <si>
    <t>Performance des secteurs d’activité : Services bancaires et marchés mondiaux</t>
  </si>
  <si>
    <t>Revenus (BMEF) tirés des activités et des marchés financiers</t>
  </si>
  <si>
    <t>Revenus tirés des marchés financiers :</t>
  </si>
  <si>
    <t>Marchandises</t>
  </si>
  <si>
    <t>Change</t>
  </si>
  <si>
    <t>Total des revenus tirés des marchés financiers (BMEF)</t>
  </si>
  <si>
    <t>Titres pris en pension</t>
  </si>
  <si>
    <t xml:space="preserve">Pérou </t>
  </si>
  <si>
    <t>Total des actifs détenus à des fins de transaction</t>
  </si>
  <si>
    <t>Instruments financiers désignés comme étant à la juste valeur par le biais du résultat net</t>
  </si>
  <si>
    <t>1) Regroupe des secteurs d’exploitation de moindre envergure, notamment la Trésorerie du Groupe, et des ajustements du siège social.</t>
  </si>
  <si>
    <t>Revenus provenant des activités de transaction</t>
  </si>
  <si>
    <t>Revenus sur cartes</t>
  </si>
  <si>
    <t>Frais liés aux services bancaires</t>
  </si>
  <si>
    <t>Commissions de crédit</t>
  </si>
  <si>
    <t>Total des revenus tirés des services bancaires</t>
  </si>
  <si>
    <t>Fonds communs de placement</t>
  </si>
  <si>
    <t>Commissions de courtage</t>
  </si>
  <si>
    <t>Frais de gestion de placements et frais de fiducie</t>
  </si>
  <si>
    <t>Gestion de placements et garde de placements</t>
  </si>
  <si>
    <t>Fiducies personnelles et fiducies commerciales</t>
  </si>
  <si>
    <t>Total des frais de gestion de placements et frais de fiducie</t>
  </si>
  <si>
    <t>Total des revenus tirés des services de gestion de patrimoine</t>
  </si>
  <si>
    <t>Commissions de placement et honoraires de services-conseils</t>
  </si>
  <si>
    <t>Opérations de change à des fins autres que de transaction</t>
  </si>
  <si>
    <t>Autres honoraires et commissions</t>
  </si>
  <si>
    <t>Total des revenus nets tirés des frais et des commissions</t>
  </si>
  <si>
    <t>Revenu net découlant des participations dans des sociétés associées</t>
  </si>
  <si>
    <t>Autres revenus d’exploitation</t>
  </si>
  <si>
    <t>Profit net sur la vente de titres de placement</t>
  </si>
  <si>
    <t>Revenus d’assurance, déduction faite des sinistres</t>
  </si>
  <si>
    <t>Amérique latine</t>
  </si>
  <si>
    <t>Total des autres revenus d’exploitation</t>
  </si>
  <si>
    <t>Total des revenus autres que d’intérêts (présenté)</t>
  </si>
  <si>
    <t>États-Unis</t>
  </si>
  <si>
    <t>Total des revenus autres que d’intérêts</t>
  </si>
  <si>
    <t>Ajustement au titre de la mise en équivalence fiscale</t>
  </si>
  <si>
    <t>Courtage au détail</t>
  </si>
  <si>
    <t>Institutions</t>
  </si>
  <si>
    <t>Débentures subordonnées</t>
  </si>
  <si>
    <t>Services bancaires et marchés mondiaux</t>
  </si>
  <si>
    <t>Asie</t>
  </si>
  <si>
    <t>1) Les revenus se rapportant aux activités de transaction se composent des revenus d’intérêts nets et des revenus autres que d’intérêts. Les profits et les pertes latents sur les titres détenus, les profits et les pertes réalisés à l’achat et à la vente de titres, les frais et les commissions liés aux activités de prêt et d’emprunt de titres ainsi que les profits et les pertes sur les dérivés détenus à des fins de transaction sont pris en compte. Les commissions de placement et honoraires de services-conseils, qui sont présentés de façon distincte dans l’état consolidé du résultat net, sont exclus.</t>
  </si>
  <si>
    <t>3) Le poste « Change et autres » comprend les revenus provenant des activités de transaction liés au change, aux marchandises et aux autres activités de transaction de la Banque.</t>
  </si>
  <si>
    <t>Europe</t>
  </si>
  <si>
    <t>Salaires et avantages du personnel</t>
  </si>
  <si>
    <t>Salaires</t>
  </si>
  <si>
    <t>Rémunération liée à la performance</t>
  </si>
  <si>
    <t>Paiements fondés sur des actions</t>
  </si>
  <si>
    <t>Autres avantages du personnel</t>
  </si>
  <si>
    <t>Total des salaires et des avantages du personnel</t>
  </si>
  <si>
    <t>Locaux</t>
  </si>
  <si>
    <t>Frais de location</t>
  </si>
  <si>
    <t>Impôts fonciers</t>
  </si>
  <si>
    <t>Autres frais liés aux locaux</t>
  </si>
  <si>
    <t>Total des frais liés aux locaux</t>
  </si>
  <si>
    <t>Technologies</t>
  </si>
  <si>
    <t>Amortissement des immobilisations corporelles</t>
  </si>
  <si>
    <t>Amortissement des immobilisations incorporelles</t>
  </si>
  <si>
    <t>Amortissement des immobilisations incorporelles liées aux logiciels</t>
  </si>
  <si>
    <t>Amortissement des autres immobilisations incorporelles</t>
  </si>
  <si>
    <t>Total de l’amortissement des immobilisations incorporelles</t>
  </si>
  <si>
    <t>Communications</t>
  </si>
  <si>
    <t>Publicité et prospection</t>
  </si>
  <si>
    <t>Honoraires</t>
  </si>
  <si>
    <t>Taxes d’affaires et taxes sur le capital</t>
  </si>
  <si>
    <t>Taxes d’affaires</t>
  </si>
  <si>
    <t>Taxes sur le capital</t>
  </si>
  <si>
    <t>Total des taxes d’affaires et des taxes sur le capital</t>
  </si>
  <si>
    <t>Total des charges d’exploitation</t>
  </si>
  <si>
    <t>Gestion de patrimoine mondiale</t>
  </si>
  <si>
    <t>Total des éléments d’ajustement</t>
  </si>
  <si>
    <t xml:space="preserve">Colombie </t>
  </si>
  <si>
    <t>2) Comptabilisé dans les amortissements.</t>
  </si>
  <si>
    <t>3) Comptabilisé dans les autres charges d’exploitation plus haut.</t>
  </si>
  <si>
    <t>Chili</t>
  </si>
  <si>
    <t>Revenus d’intérêts nets tirés des actifs non principaux</t>
  </si>
  <si>
    <t>Actifs</t>
  </si>
  <si>
    <t>Trésorerie et dépôts auprès d’autres institutions financières</t>
  </si>
  <si>
    <t>Métaux précieux</t>
  </si>
  <si>
    <t>Technologies et médias</t>
  </si>
  <si>
    <t>Titres pris en pension et titres empruntés</t>
  </si>
  <si>
    <t>Instruments financiers dérivés</t>
  </si>
  <si>
    <t>Entreprises et administrations publiques</t>
  </si>
  <si>
    <t>Prêts à des clients</t>
  </si>
  <si>
    <t>Total partiel</t>
  </si>
  <si>
    <t>Compte de correction de valeur pour pertes sur créances</t>
  </si>
  <si>
    <t>Montant total net des prêts</t>
  </si>
  <si>
    <t>Engagements de clients en contrepartie d’acceptations, déduction faite de la correction de valeur</t>
  </si>
  <si>
    <t>Actifs d’impôt exigible</t>
  </si>
  <si>
    <t>Immeubles de placement</t>
  </si>
  <si>
    <t>Participations dans des sociétés associées</t>
  </si>
  <si>
    <t>Goodwill et autres immobilisations incorporelles</t>
  </si>
  <si>
    <t>Actifs d’impôt différé</t>
  </si>
  <si>
    <t>Total des autres actifs</t>
  </si>
  <si>
    <t xml:space="preserve">Mexique </t>
  </si>
  <si>
    <t xml:space="preserve">Antilles et Amérique centrale </t>
  </si>
  <si>
    <t>Passifs</t>
  </si>
  <si>
    <t>Autres institutions financières</t>
  </si>
  <si>
    <t>Couvertures de flux de trésorerie</t>
  </si>
  <si>
    <t>Acceptations</t>
  </si>
  <si>
    <t>Services publics</t>
  </si>
  <si>
    <t>Passifs d’impôt exigible</t>
  </si>
  <si>
    <t>Instruments de capitaux propres à la juste valeur par le biais des autres éléments du résultat global</t>
  </si>
  <si>
    <t>Provisions au titre des risque de crédit hors bilan et autres</t>
  </si>
  <si>
    <t>Passifs d’impôt différé</t>
  </si>
  <si>
    <t>Total des autres passifs</t>
  </si>
  <si>
    <t>Produits forestiers</t>
  </si>
  <si>
    <t>Capitaux propres</t>
  </si>
  <si>
    <t>Aliments et boissons</t>
  </si>
  <si>
    <t>Actions ordinaires</t>
  </si>
  <si>
    <t>Résultats non distribués</t>
  </si>
  <si>
    <t>Cumul des autres éléments du résultat global</t>
  </si>
  <si>
    <t>Autres réserves</t>
  </si>
  <si>
    <t>Total des capitaux propres attribuables aux actionnaires ordinaires</t>
  </si>
  <si>
    <t xml:space="preserve">Actions privilégiées et autres instruments de capitaux propres </t>
  </si>
  <si>
    <t>Total des capitaux propres attribuables aux détenteurs de titres de capitaux propres de la Banque</t>
  </si>
  <si>
    <t>Participations ne donnant pas le contrôle dans des filiales</t>
  </si>
  <si>
    <t>Total des capitaux propres</t>
  </si>
  <si>
    <t>Total des passifs et des capitaux propres</t>
  </si>
  <si>
    <t>Produits chimiques</t>
  </si>
  <si>
    <t>Dépôts auprès d’autres institutions financières</t>
  </si>
  <si>
    <t>- Titres</t>
  </si>
  <si>
    <t>- Prêts</t>
  </si>
  <si>
    <t>Titres de placement, y compris les participations dans des sociétés associées</t>
  </si>
  <si>
    <t>Soins de santé</t>
  </si>
  <si>
    <t>- Prêts hypothécaires à l’habitation</t>
  </si>
  <si>
    <t>- Prêts personnels</t>
  </si>
  <si>
    <t>- Prêt aux entreprises et aux administrations publiques</t>
  </si>
  <si>
    <t>- Total partiel</t>
  </si>
  <si>
    <t>- Compte de correction de valeur pour pertes sur créances</t>
  </si>
  <si>
    <t>Total des prêts à des clients</t>
  </si>
  <si>
    <t>Engagements de clients en contrepartie d’acceptations</t>
  </si>
  <si>
    <t>Dépôts de clients</t>
  </si>
  <si>
    <t>Dépôts d’autres banques</t>
  </si>
  <si>
    <t>Titres vendus à découvert</t>
  </si>
  <si>
    <t>Obligations relatives aux titres mis en pension</t>
  </si>
  <si>
    <t>Écarts de conversion</t>
  </si>
  <si>
    <t>- Actions ordinaires, résultats non distribués, cumul des autres</t>
  </si>
  <si>
    <t xml:space="preserve">   éléments du résultat global et autres réserves</t>
  </si>
  <si>
    <t>- Actions privilégiées</t>
  </si>
  <si>
    <t>- Participations ne donnant pas le contrôle dans des filiales</t>
  </si>
  <si>
    <t>- Total des capitaux propres</t>
  </si>
  <si>
    <t>Autres éléments du résultat global, après impôt sur le résultat</t>
  </si>
  <si>
    <t xml:space="preserve">Autres </t>
  </si>
  <si>
    <t>Solde à la clôture de la période</t>
  </si>
  <si>
    <t xml:space="preserve">Solde à l’ouverture de la période </t>
  </si>
  <si>
    <t>Émission d’actions, déduction faite des rachats</t>
  </si>
  <si>
    <t>31 octobre 2022</t>
  </si>
  <si>
    <t>Solde à l’ouverture de la période</t>
  </si>
  <si>
    <t>Pourcentage du total</t>
  </si>
  <si>
    <t xml:space="preserve">Bénéfice net attribuable aux actionnaires ordinaires de la Banque </t>
  </si>
  <si>
    <t>Dividendes versés aux actionnaires ordinaires de la Banque</t>
  </si>
  <si>
    <t>Actions rachetées</t>
  </si>
  <si>
    <t>DCCVPC totale</t>
  </si>
  <si>
    <t>31 juillet 2022</t>
  </si>
  <si>
    <t>Automobile</t>
  </si>
  <si>
    <t>Transport</t>
  </si>
  <si>
    <t>Énergie</t>
  </si>
  <si>
    <t>Immobilier et construction</t>
  </si>
  <si>
    <t>Hébergement et loisirs</t>
  </si>
  <si>
    <t>Agriculture</t>
  </si>
  <si>
    <t>Actions émises</t>
  </si>
  <si>
    <t>Total des capitaux propres attribuables aux actionnaires ordinaires à la clôture de la période</t>
  </si>
  <si>
    <t>Commerce de gros et de détail</t>
  </si>
  <si>
    <t>Actions privilégiées et autres instruments de capitaux propres</t>
  </si>
  <si>
    <t>Émissions</t>
  </si>
  <si>
    <t>Rachats</t>
  </si>
  <si>
    <t xml:space="preserve">Bénéfice net attribuable aux actionnaires privilégiés et aux porteurs d’autres instruments de capitaux propres de la Banque </t>
  </si>
  <si>
    <t>Dividendes versés aux actionnaires privilégiés et aux porteurs d’autres instruments de capitaux propres de la Banque</t>
  </si>
  <si>
    <t>Participations ne donnant pas le contrôle : Participations ne donnant pas le contrôle dans des filiales</t>
  </si>
  <si>
    <t>Bénéfice net attribuable aux participations ne donnant pas le contrôle dans des filiales</t>
  </si>
  <si>
    <t>Distributions aux participations ne donnant pas le contrôle</t>
  </si>
  <si>
    <t>Total des capitaux propres à la clôture de la période</t>
  </si>
  <si>
    <t>Prêts et acceptations par catégories d’emprunteurs</t>
  </si>
  <si>
    <t xml:space="preserve">(en milliards de dollars) </t>
  </si>
  <si>
    <t>Solde</t>
  </si>
  <si>
    <t>Services financiers</t>
  </si>
  <si>
    <t>Non bancaires</t>
  </si>
  <si>
    <t xml:space="preserve"> Services financiers</t>
  </si>
  <si>
    <t>Prêts aux entreprises</t>
  </si>
  <si>
    <t>Prêts et acceptations</t>
  </si>
  <si>
    <t>Compte de correction de valeur pour pertes sur créances au titre des prêts et des acceptations</t>
  </si>
  <si>
    <t>1) Institutions de dépôt et entreprises de négociation de titres</t>
  </si>
  <si>
    <t>3) Comprend des banques centrales, des administrations publiques régionales et locales et des agences supranationales.</t>
  </si>
  <si>
    <t>Prêts douteux par secteurs d’activité</t>
  </si>
  <si>
    <t>Prêts aux particuliers</t>
  </si>
  <si>
    <t xml:space="preserve">Nouveaux classements </t>
  </si>
  <si>
    <t>Ventes</t>
  </si>
  <si>
    <t>Paiements</t>
  </si>
  <si>
    <t>Déclassements</t>
  </si>
  <si>
    <t>Total du montant brut des prêts douteux</t>
  </si>
  <si>
    <t>Montant net des prêts douteux</t>
  </si>
  <si>
    <t>Total du montant net des prêts douteux</t>
  </si>
  <si>
    <t>1) Comprend l’Uruguay.</t>
  </si>
  <si>
    <t>2) Comprend le Brésil et l’Uruguay.</t>
  </si>
  <si>
    <t>Nouveaux classements</t>
  </si>
  <si>
    <t>Réseau canadien – Prêts aux particuliers</t>
  </si>
  <si>
    <t>Réseau canadien – Prêts aux entreprises</t>
  </si>
  <si>
    <t>Opérations internationales – Prêts aux particuliers</t>
  </si>
  <si>
    <t>Opérations internationales – Prêts aux entreprises</t>
  </si>
  <si>
    <t>Radiations</t>
  </si>
  <si>
    <t>Prêts productifs – étapes 1 et 2</t>
  </si>
  <si>
    <t>1) Comprend l’incidence des cessions pour le montant brut des prêts douteux dans Change/autres pour les Opérations internationales.</t>
  </si>
  <si>
    <t>Compte de correction de valeur pour pertes sur créances et autres réserves</t>
  </si>
  <si>
    <t xml:space="preserve">Prêts douteux – étape 3  </t>
  </si>
  <si>
    <t>Écarts de conversion et autres</t>
  </si>
  <si>
    <t>Recouvrements</t>
  </si>
  <si>
    <t>Compte de correction de valeur pour pertes sur créances au titre des prêts</t>
  </si>
  <si>
    <t>Compte de correction de valeur pour pertes sur créances au titre de l’exposition au risque lié à des éléments hors bilan</t>
  </si>
  <si>
    <t xml:space="preserve">Total du compte de correction de valeur pour pertes sur créances  </t>
  </si>
  <si>
    <t>Compte de correction de valeur pour pertes sur créances par secteurs d’activité</t>
  </si>
  <si>
    <t>Total du compte de correction de valeur pour pertes sur créances par secteurs d’activité</t>
  </si>
  <si>
    <t>Compte de correction de valeur pour pertes sur créances au titre des prêts par catégories d’emprunteurs</t>
  </si>
  <si>
    <t xml:space="preserve">Prêts douteux – étape 3 </t>
  </si>
  <si>
    <t>1) Comprend la dotation au compte de correction de valeur pour pertes sur créances au titre de tous les actifs financiers.</t>
  </si>
  <si>
    <t xml:space="preserve">2) Les autres actifs financiers comprennent les titres de créance, les dépôts auprès d’autres institutions financières, les intérêts courus et les prises en pension. </t>
  </si>
  <si>
    <t>3) Comprend l’Uruguay.</t>
  </si>
  <si>
    <t>4) Comprend le Brésil et l’Uruguay.</t>
  </si>
  <si>
    <t>Prêts douteux par catégories d’emprunteurs</t>
  </si>
  <si>
    <t>Montant brut</t>
  </si>
  <si>
    <t>Étape 3</t>
  </si>
  <si>
    <t>Emprunteurs souverains</t>
  </si>
  <si>
    <t>Bancaires</t>
  </si>
  <si>
    <r>
      <rPr>
        <sz val="11"/>
        <color rgb="FF000000"/>
        <rFont val="Scotia"/>
        <family val="2"/>
      </rPr>
      <t xml:space="preserve"> - </t>
    </r>
  </si>
  <si>
    <t>Prêts douteux, déduction faite des comptes de correction connexes</t>
  </si>
  <si>
    <t xml:space="preserve">1) La Banque radie les créances après 180 jours, au moment de leur transfert des prêts productifs aux prêts douteux. </t>
  </si>
  <si>
    <t>Étapes</t>
  </si>
  <si>
    <t>T1 2023</t>
  </si>
  <si>
    <t>T4 2022</t>
  </si>
  <si>
    <t>T3 2022</t>
  </si>
  <si>
    <t>T2 2022</t>
  </si>
  <si>
    <t>Étape</t>
  </si>
  <si>
    <r>
      <rPr>
        <b/>
        <sz val="11"/>
        <color rgb="FF000000"/>
        <rFont val="Scotia"/>
        <family val="2"/>
      </rPr>
      <t xml:space="preserve"> 1 &amp; 2</t>
    </r>
  </si>
  <si>
    <t>DCCVPC</t>
  </si>
  <si>
    <r>
      <rPr>
        <sz val="11"/>
        <color rgb="FF000000"/>
        <rFont val="Scotia"/>
        <family val="2"/>
      </rPr>
      <t xml:space="preserve"> 1 &amp; 2</t>
    </r>
  </si>
  <si>
    <t xml:space="preserve">Opérations internationales </t>
  </si>
  <si>
    <t xml:space="preserve">Radiations nettes en pourcentage du montant net des prêts et des acceptations </t>
  </si>
  <si>
    <t xml:space="preserve">1) Les autres actifs financiers comprennent les titres de créance, les dépôts auprès d’autres institutions financières, les intérêts courus et les prises en pension. </t>
  </si>
  <si>
    <t>Dotation au compte de correction de valeur pour pertes sur créances (DCCVPC) par catégories d’emprunteurs</t>
  </si>
  <si>
    <t>DCCVPC au titre des prêts douteux (étape 3)</t>
  </si>
  <si>
    <t>DCCVPC totale au titre des prêts douteux (étape 3)</t>
  </si>
  <si>
    <t xml:space="preserve">Entreprises et administrations publiques </t>
  </si>
  <si>
    <t>1) Comprend la dotation au compte de correction de valeur pour pertes sur créances au titre de tous les actifs financiers productifs.</t>
  </si>
  <si>
    <t>En cours (déduction faite des dotations)</t>
  </si>
  <si>
    <t>Créances</t>
  </si>
  <si>
    <t xml:space="preserve">Dépôts </t>
  </si>
  <si>
    <t xml:space="preserve">Titres d’administrations </t>
  </si>
  <si>
    <t>Participations dans des</t>
  </si>
  <si>
    <t>interbancaires</t>
  </si>
  <si>
    <t>publiques et autres titres</t>
  </si>
  <si>
    <t>filiales et sociétés affiliées</t>
  </si>
  <si>
    <t>Chine</t>
  </si>
  <si>
    <t>Inde</t>
  </si>
  <si>
    <t>Singapour</t>
  </si>
  <si>
    <t>Hong Kong</t>
  </si>
  <si>
    <t>Japon</t>
  </si>
  <si>
    <t>Mexique</t>
  </si>
  <si>
    <t>Brésil</t>
  </si>
  <si>
    <t>Pérou</t>
  </si>
  <si>
    <t>Colombie</t>
  </si>
  <si>
    <t>Antilles et Amérique centrale</t>
  </si>
  <si>
    <t>Panama</t>
  </si>
  <si>
    <t>Costa Rica</t>
  </si>
  <si>
    <t>République dominicaine</t>
  </si>
  <si>
    <t xml:space="preserve">2) Comprend l’Indonésie, Macao, la Malaisie, la Corée du Sud, la Thaïlande et Taïwan. </t>
  </si>
  <si>
    <t>3) Comprend le Venezuela et l’Uruguay.</t>
  </si>
  <si>
    <t>4) Comprend d’autres pays des Antilles comme les Bahamas, la Barbade, la Jamaïque, Trinité-et-Tobago et les îles Turques et Caïques.</t>
  </si>
  <si>
    <t>S. O.</t>
  </si>
  <si>
    <t>Titres de placement évalués à la juste valeur par le biais des autres éléments du résultat global (AÉRG) – profits (pertes) latents</t>
  </si>
  <si>
    <t>Prêts souverains au Canada et aux États-Unis</t>
  </si>
  <si>
    <t xml:space="preserve"> Autres titres de créance d’administrations publiques étrangères</t>
  </si>
  <si>
    <t>Autres titres de créance</t>
  </si>
  <si>
    <t>Titres de capitaux propres évalués à la juste valeur par le biais des AÉRG</t>
  </si>
  <si>
    <t>Total des titres de placement évalués à la juste valeur par le biais des autres éléments du résultat global (AÉRG) – profits (pertes) latents</t>
  </si>
  <si>
    <t>Juste valeur nette des instruments dérivés et des autres instruments de couvertures</t>
  </si>
  <si>
    <t>Profits (pertes) latents, montant net</t>
  </si>
  <si>
    <t>Faits saillants des fonds propres réglementaires</t>
  </si>
  <si>
    <t xml:space="preserve">Actifs pondérés en fonction des risques </t>
  </si>
  <si>
    <t>Cible du BSIF (%)</t>
  </si>
  <si>
    <t>Ratio minimum des actions ordinaires et assimilées de T1</t>
  </si>
  <si>
    <t>Ratio minimum des fonds propres de T1</t>
  </si>
  <si>
    <t>Ratio minimum du total des fonds propres</t>
  </si>
  <si>
    <t>Ratio de levier minimal</t>
  </si>
  <si>
    <t xml:space="preserve"> Ratio minimum de capacité totale d’absorption des pertes</t>
  </si>
  <si>
    <t>Instruments de fonds propres qui seront progressivement éliminés</t>
  </si>
  <si>
    <t>Montant exclu des AT1 en raison du plafond (excédent par rapport au plafond après rachats et remboursements à l’échéance)</t>
  </si>
  <si>
    <t>Montant exclu des instruments de T2 en raison du plafond (excédent par rapport au plafond après rachats et remboursements à l’échéance)</t>
  </si>
  <si>
    <t>S. O. – sans objet</t>
  </si>
  <si>
    <t>Revenus par activités :</t>
  </si>
  <si>
    <t>Revenus par activités</t>
  </si>
  <si>
    <t>Total des revenus présenté (BMEF)</t>
  </si>
  <si>
    <t>Bénéfice net attribuable aux détenteurs de titres de capitaux propres de la Banque (BNADCP)</t>
  </si>
  <si>
    <t>Bénéfice net avant impôt</t>
  </si>
  <si>
    <t>Bénéfice net attribuable aux participations ne donnant pas le contrôle</t>
  </si>
  <si>
    <t>Bénéfice net attribuable aux détenteurs de titres de capitaux propres de la Banque</t>
  </si>
  <si>
    <t xml:space="preserve">Services bancaires et marchés mondiaux – y compris l’Amérique latine </t>
  </si>
  <si>
    <t>Incidence de la conversion des devises</t>
  </si>
  <si>
    <t>BNADCP – y compris l’incidence de la conversion des devises</t>
  </si>
  <si>
    <t>3) Se reporter aux mesures non conformes aux PCGR à la page 4 du rapport trimestriel aux actionnaires du deuxième trimestre de 2023, disponible à www.sedar.com pour obtenir une description de cette mesure. Se reporter à la page 31 du rapport d’informations financières supplémentaires pour obtenir un rapprochement.</t>
  </si>
  <si>
    <t>4) Les ratios se fondent sur les devises présentées.</t>
  </si>
  <si>
    <t>2) Se reporter aux mesures non conformes aux PCGR à la page 4 du rapport trimestriel aux actionnaires du deuxième trimestre de 2023, disponible à www.sedar.com. Se reporter à la page 31 du rapport d’informations financières supplémentaires pour obtenir un rapprochement.</t>
  </si>
  <si>
    <t>3) Les ratios se fondent sur les devises présentées.</t>
  </si>
  <si>
    <t>6) Présenté dans le revenu net (la perte nette) découlant de participations dans des sociétés associées dans les résultats des Opérations internationales.</t>
  </si>
  <si>
    <t>Annexe 2 : Opérations internationales par régions – Rapprochement des mesures non conformes aux PCGR (marge nette sur intérêts)</t>
  </si>
  <si>
    <t>1) Les soldes moyens représentent la moyenne des soldes quotidiens pour la période.</t>
  </si>
  <si>
    <t xml:space="preserve"> Retour à la table des matières</t>
  </si>
  <si>
    <t>Notes (suite)</t>
  </si>
  <si>
    <t>T4</t>
  </si>
  <si>
    <t>T3</t>
  </si>
  <si>
    <t xml:space="preserve">Gestion de patrimoine mondiale </t>
  </si>
  <si>
    <t>Autres</t>
  </si>
  <si>
    <t>Bénéfice net attribuable aux actionnaires ordinaires</t>
  </si>
  <si>
    <t>Amortissement des immobilisations incorporelles liées aux acquisitions</t>
  </si>
  <si>
    <t>Prêts et acceptations aux entreprises et aux administrations publiques</t>
  </si>
  <si>
    <t>Total des prêts et des acceptations</t>
  </si>
  <si>
    <t>Autres actifs</t>
  </si>
  <si>
    <t>Total des actifs</t>
  </si>
  <si>
    <t>Dépôts de particuliers</t>
  </si>
  <si>
    <t>Dépôts autres que de particuliers</t>
  </si>
  <si>
    <t>Total des dépôts</t>
  </si>
  <si>
    <t>Autres passifs</t>
  </si>
  <si>
    <t>Total des passifs</t>
  </si>
  <si>
    <t>Succursales</t>
  </si>
  <si>
    <t xml:space="preserve">Revenus d’intérêts nets (BMEF) </t>
  </si>
  <si>
    <t xml:space="preserve">Charges autres que d’intérêts </t>
  </si>
  <si>
    <t>Dépôts auprès d’autres banques</t>
  </si>
  <si>
    <t>4) Les employés sont présentés selon l’effectif équivalent temps plein.</t>
  </si>
  <si>
    <r>
      <t>Amortissement des immobilisations incorporelles</t>
    </r>
    <r>
      <rPr>
        <b/>
        <vertAlign val="superscript"/>
        <sz val="9"/>
        <color theme="1"/>
        <rFont val="Scotia"/>
        <family val="2"/>
      </rPr>
      <t>2)</t>
    </r>
  </si>
  <si>
    <r>
      <t>Perte nette sur les cessions et la réduction d’activités</t>
    </r>
    <r>
      <rPr>
        <b/>
        <vertAlign val="superscript"/>
        <sz val="9"/>
        <color theme="1"/>
        <rFont val="Scotia"/>
        <family val="2"/>
      </rPr>
      <t>3)</t>
    </r>
  </si>
  <si>
    <r>
      <t>Coûts de soutien du programme de fidélisation Scène+</t>
    </r>
    <r>
      <rPr>
        <b/>
        <vertAlign val="superscript"/>
        <sz val="9"/>
        <color theme="1"/>
        <rFont val="Scotia"/>
        <family val="2"/>
      </rPr>
      <t>3)</t>
    </r>
  </si>
  <si>
    <r>
      <t>Charges de restructuration et autres provisions</t>
    </r>
    <r>
      <rPr>
        <b/>
        <vertAlign val="superscript"/>
        <sz val="9"/>
        <color theme="1"/>
        <rFont val="Scotia"/>
        <family val="2"/>
      </rPr>
      <t>3)</t>
    </r>
  </si>
  <si>
    <r>
      <t>Dividende pour la relance du Canada</t>
    </r>
    <r>
      <rPr>
        <b/>
        <vertAlign val="superscript"/>
        <sz val="9"/>
        <color theme="1"/>
        <rFont val="Scotia"/>
        <family val="2"/>
      </rPr>
      <t>3)</t>
    </r>
  </si>
  <si>
    <r>
      <t>RCP (%)</t>
    </r>
    <r>
      <rPr>
        <vertAlign val="superscript"/>
        <sz val="11"/>
        <color theme="1"/>
        <rFont val="Scotia"/>
        <family val="2"/>
      </rPr>
      <t>1)</t>
    </r>
  </si>
  <si>
    <r>
      <t>Marge nette sur intérêts (%)</t>
    </r>
    <r>
      <rPr>
        <vertAlign val="superscript"/>
        <sz val="11"/>
        <color theme="1"/>
        <rFont val="Scotia"/>
        <family val="2"/>
      </rPr>
      <t>2)</t>
    </r>
  </si>
  <si>
    <r>
      <t>Ratio de productivité (%)</t>
    </r>
    <r>
      <rPr>
        <vertAlign val="superscript"/>
        <sz val="11"/>
        <color theme="1"/>
        <rFont val="Scotia"/>
        <family val="2"/>
      </rPr>
      <t>1)</t>
    </r>
  </si>
  <si>
    <r>
      <t>Taux d’impôt effectif (%)</t>
    </r>
    <r>
      <rPr>
        <vertAlign val="superscript"/>
        <sz val="11"/>
        <color theme="1"/>
        <rFont val="Scotia"/>
        <family val="2"/>
      </rPr>
      <t>1)</t>
    </r>
  </si>
  <si>
    <r>
      <t>RCP (%)</t>
    </r>
    <r>
      <rPr>
        <vertAlign val="superscript"/>
        <sz val="11"/>
        <color theme="1"/>
        <rFont val="Scotia"/>
        <family val="2"/>
      </rPr>
      <t>3)</t>
    </r>
  </si>
  <si>
    <r>
      <t>Compte de correction de valeur pour pertes sur créances (en millions de dollars)</t>
    </r>
    <r>
      <rPr>
        <vertAlign val="superscript"/>
        <sz val="11"/>
        <color theme="1"/>
        <rFont val="Scotia"/>
        <family val="2"/>
      </rPr>
      <t>4)</t>
    </r>
  </si>
  <si>
    <r>
      <t>Radiations nettes en pourcentage de la moyenne du montant net des prêts et des acceptations</t>
    </r>
    <r>
      <rPr>
        <vertAlign val="superscript"/>
        <sz val="11"/>
        <color theme="1"/>
        <rFont val="Scotia"/>
        <family val="2"/>
      </rPr>
      <t>1)</t>
    </r>
  </si>
  <si>
    <r>
      <t>Dotation au compte de correction de valeur pour pertes sur créances (DCCVPC) (en millions de dollars)</t>
    </r>
    <r>
      <rPr>
        <vertAlign val="superscript"/>
        <sz val="11"/>
        <color theme="1"/>
        <rFont val="Scotia"/>
        <family val="2"/>
      </rPr>
      <t>5)</t>
    </r>
  </si>
  <si>
    <r>
      <t>DCCVPC au titre des prêts et des acceptations (en millions de dollars)</t>
    </r>
    <r>
      <rPr>
        <vertAlign val="superscript"/>
        <sz val="11"/>
        <color theme="1"/>
        <rFont val="Scotia"/>
        <family val="2"/>
      </rPr>
      <t>6)</t>
    </r>
  </si>
  <si>
    <r>
      <t>Ratio des actions ordinaires et assimilées de T1 (%)</t>
    </r>
    <r>
      <rPr>
        <vertAlign val="superscript"/>
        <sz val="11"/>
        <color theme="1"/>
        <rFont val="Scotia"/>
        <family val="2"/>
      </rPr>
      <t>7)</t>
    </r>
  </si>
  <si>
    <r>
      <t>Ratio de T1 (%)</t>
    </r>
    <r>
      <rPr>
        <vertAlign val="superscript"/>
        <sz val="11"/>
        <color theme="1"/>
        <rFont val="Scotia"/>
        <family val="2"/>
      </rPr>
      <t>7)</t>
    </r>
  </si>
  <si>
    <r>
      <t>Ratio total des fonds propres (%)</t>
    </r>
    <r>
      <rPr>
        <vertAlign val="superscript"/>
        <sz val="11"/>
        <color theme="1"/>
        <rFont val="Scotia"/>
        <family val="2"/>
      </rPr>
      <t>7)</t>
    </r>
  </si>
  <si>
    <r>
      <t>Ratio de levier (%)</t>
    </r>
    <r>
      <rPr>
        <vertAlign val="superscript"/>
        <sz val="11"/>
        <color theme="1"/>
        <rFont val="Scotia"/>
        <family val="2"/>
      </rPr>
      <t>8)</t>
    </r>
  </si>
  <si>
    <r>
      <t>Actifs pondérés en fonction des risques CET1 (en millions de dollars)</t>
    </r>
    <r>
      <rPr>
        <vertAlign val="superscript"/>
        <sz val="11"/>
        <color theme="1"/>
        <rFont val="Scotia"/>
        <family val="2"/>
      </rPr>
      <t>7)</t>
    </r>
  </si>
  <si>
    <r>
      <t>Ratio structurel de liquidité à long terme (%)</t>
    </r>
    <r>
      <rPr>
        <vertAlign val="superscript"/>
        <sz val="11"/>
        <color theme="1"/>
        <rFont val="Scotia"/>
        <family val="2"/>
      </rPr>
      <t>9)</t>
    </r>
  </si>
  <si>
    <r>
      <t>Ratio de liquidité à court terme (%)</t>
    </r>
    <r>
      <rPr>
        <vertAlign val="superscript"/>
        <sz val="11"/>
        <color theme="1"/>
        <rFont val="Scotia"/>
        <family val="2"/>
      </rPr>
      <t>10)</t>
    </r>
  </si>
  <si>
    <r>
      <t>Valeur comptable par action ordinaire ($)</t>
    </r>
    <r>
      <rPr>
        <vertAlign val="superscript"/>
        <sz val="11"/>
        <color theme="1"/>
        <rFont val="Scotia"/>
        <family val="2"/>
      </rPr>
      <t>1)</t>
    </r>
  </si>
  <si>
    <r>
      <t>Cours des actions (clôture) en pourcentage de la valeur comptable</t>
    </r>
    <r>
      <rPr>
        <vertAlign val="superscript"/>
        <sz val="11"/>
        <color theme="1"/>
        <rFont val="Scotia"/>
        <family val="2"/>
      </rPr>
      <t>1)</t>
    </r>
  </si>
  <si>
    <r>
      <t>Ratio cours (clôture)-bénéfice</t>
    </r>
    <r>
      <rPr>
        <vertAlign val="superscript"/>
        <sz val="11"/>
        <color theme="1"/>
        <rFont val="Scotia"/>
        <family val="2"/>
      </rPr>
      <t>1),2)</t>
    </r>
  </si>
  <si>
    <r>
      <t>Employés</t>
    </r>
    <r>
      <rPr>
        <vertAlign val="superscript"/>
        <sz val="11"/>
        <color theme="1"/>
        <rFont val="Scotia"/>
        <family val="2"/>
      </rPr>
      <t>4)</t>
    </r>
  </si>
  <si>
    <r>
      <t>Éléments d’ajustement (après impôt)</t>
    </r>
    <r>
      <rPr>
        <vertAlign val="superscript"/>
        <sz val="11"/>
        <color theme="1"/>
        <rFont val="Scotia"/>
        <family val="2"/>
      </rPr>
      <t>1)</t>
    </r>
  </si>
  <si>
    <r>
      <t>Bénéfice net ajusté</t>
    </r>
    <r>
      <rPr>
        <b/>
        <vertAlign val="superscript"/>
        <sz val="11"/>
        <color theme="1"/>
        <rFont val="Scotia"/>
        <family val="2"/>
      </rPr>
      <t>1)</t>
    </r>
  </si>
  <si>
    <r>
      <t>Marge nette sur intérêts</t>
    </r>
    <r>
      <rPr>
        <vertAlign val="superscript"/>
        <sz val="11"/>
        <color theme="1"/>
        <rFont val="Scotia"/>
        <family val="2"/>
      </rPr>
      <t>1)</t>
    </r>
  </si>
  <si>
    <r>
      <t>Radiations nettes en pourcentage de la moyenne du montant net des prêts et des acceptations</t>
    </r>
    <r>
      <rPr>
        <vertAlign val="superscript"/>
        <sz val="11"/>
        <color theme="1"/>
        <rFont val="Scotia"/>
        <family val="2"/>
      </rPr>
      <t>2)</t>
    </r>
  </si>
  <si>
    <r>
      <t>Rendement des capitaux propres (%)</t>
    </r>
    <r>
      <rPr>
        <vertAlign val="superscript"/>
        <sz val="11"/>
        <color theme="1"/>
        <rFont val="Scotia"/>
        <family val="2"/>
      </rPr>
      <t>1)</t>
    </r>
  </si>
  <si>
    <r>
      <t>Ratio de productivité (%)</t>
    </r>
    <r>
      <rPr>
        <vertAlign val="superscript"/>
        <sz val="11"/>
        <color theme="1"/>
        <rFont val="Scotia"/>
        <family val="2"/>
      </rPr>
      <t>2)</t>
    </r>
  </si>
  <si>
    <r>
      <t>Ajusté</t>
    </r>
    <r>
      <rPr>
        <b/>
        <vertAlign val="superscript"/>
        <sz val="11"/>
        <color theme="1"/>
        <rFont val="Scotia"/>
        <family val="2"/>
      </rPr>
      <t>1)</t>
    </r>
  </si>
  <si>
    <r>
      <t>Employés</t>
    </r>
    <r>
      <rPr>
        <vertAlign val="superscript"/>
        <sz val="11"/>
        <rFont val="Scotia"/>
        <family val="2"/>
      </rPr>
      <t>5)</t>
    </r>
  </si>
  <si>
    <r>
      <t>Éléments d’ajustement (après impôt)</t>
    </r>
    <r>
      <rPr>
        <vertAlign val="superscript"/>
        <sz val="11"/>
        <color rgb="FF000000"/>
        <rFont val="Scotia"/>
        <family val="2"/>
      </rPr>
      <t>1)</t>
    </r>
  </si>
  <si>
    <r>
      <t>Bénéfice net ajusté</t>
    </r>
    <r>
      <rPr>
        <b/>
        <vertAlign val="superscript"/>
        <sz val="11"/>
        <color rgb="FF000000"/>
        <rFont val="Scotia"/>
        <family val="2"/>
      </rPr>
      <t>1)</t>
    </r>
  </si>
  <si>
    <r>
      <t>Marge nette sur intérêts</t>
    </r>
    <r>
      <rPr>
        <vertAlign val="superscript"/>
        <sz val="11"/>
        <color rgb="FF000000"/>
        <rFont val="Scotia"/>
        <family val="2"/>
      </rPr>
      <t>1)</t>
    </r>
  </si>
  <si>
    <r>
      <t>Radiations nettes en pourcentage de la moyenne du montant net des prêts et des acceptations</t>
    </r>
    <r>
      <rPr>
        <vertAlign val="superscript"/>
        <sz val="11"/>
        <color rgb="FF000000"/>
        <rFont val="Scotia"/>
        <family val="2"/>
      </rPr>
      <t>2)</t>
    </r>
  </si>
  <si>
    <r>
      <t>Rendement des capitaux propres (%)</t>
    </r>
    <r>
      <rPr>
        <vertAlign val="superscript"/>
        <sz val="11"/>
        <color rgb="FF000000"/>
        <rFont val="Scotia"/>
        <family val="2"/>
      </rPr>
      <t>1)</t>
    </r>
  </si>
  <si>
    <r>
      <t>Ratio de productivité (%)</t>
    </r>
    <r>
      <rPr>
        <vertAlign val="superscript"/>
        <sz val="11"/>
        <color rgb="FF000000"/>
        <rFont val="Scotia"/>
        <family val="2"/>
      </rPr>
      <t>2)</t>
    </r>
  </si>
  <si>
    <r>
      <t>Employés</t>
    </r>
    <r>
      <rPr>
        <vertAlign val="superscript"/>
        <sz val="11"/>
        <color rgb="FF000000"/>
        <rFont val="Scotia"/>
        <family val="2"/>
      </rPr>
      <t>4)</t>
    </r>
  </si>
  <si>
    <r>
      <t>Éléments d’ajustement (après impôt)</t>
    </r>
    <r>
      <rPr>
        <vertAlign val="superscript"/>
        <sz val="11"/>
        <color rgb="FF000000"/>
        <rFont val="Scotia"/>
        <family val="2"/>
      </rPr>
      <t>2)</t>
    </r>
  </si>
  <si>
    <r>
      <t>Bénéfice net ajusté</t>
    </r>
    <r>
      <rPr>
        <b/>
        <vertAlign val="superscript"/>
        <sz val="11"/>
        <color rgb="FF000000"/>
        <rFont val="Scotia"/>
        <family val="2"/>
      </rPr>
      <t>2)</t>
    </r>
  </si>
  <si>
    <r>
      <t>Marge nette sur intérêts</t>
    </r>
    <r>
      <rPr>
        <vertAlign val="superscript"/>
        <sz val="11"/>
        <color rgb="FF000000"/>
        <rFont val="Scotia"/>
        <family val="2"/>
      </rPr>
      <t>2)</t>
    </r>
  </si>
  <si>
    <r>
      <t>Mesures de rentabilité</t>
    </r>
    <r>
      <rPr>
        <b/>
        <vertAlign val="superscript"/>
        <sz val="11"/>
        <color rgb="FFFF0000"/>
        <rFont val="Scotia"/>
        <family val="2"/>
      </rPr>
      <t>3)</t>
    </r>
  </si>
  <si>
    <r>
      <t>Radiations nettes en pourcentage de la moyenne du montant net des prêts et des acceptations</t>
    </r>
    <r>
      <rPr>
        <vertAlign val="superscript"/>
        <sz val="11"/>
        <color rgb="FF000000"/>
        <rFont val="Scotia"/>
        <family val="2"/>
      </rPr>
      <t>4)</t>
    </r>
  </si>
  <si>
    <r>
      <t>Rendement des capitaux propres (%)</t>
    </r>
    <r>
      <rPr>
        <vertAlign val="superscript"/>
        <sz val="11"/>
        <color rgb="FF000000"/>
        <rFont val="Scotia"/>
        <family val="2"/>
      </rPr>
      <t>2)</t>
    </r>
  </si>
  <si>
    <r>
      <t xml:space="preserve"> Ratio de productivité (%)</t>
    </r>
    <r>
      <rPr>
        <vertAlign val="superscript"/>
        <sz val="11"/>
        <color rgb="FF000000"/>
        <rFont val="Scotia"/>
        <family val="2"/>
      </rPr>
      <t>4)</t>
    </r>
  </si>
  <si>
    <r>
      <t>Ajusté</t>
    </r>
    <r>
      <rPr>
        <b/>
        <vertAlign val="superscript"/>
        <sz val="11"/>
        <color rgb="FF000000"/>
        <rFont val="Scotia"/>
        <family val="2"/>
      </rPr>
      <t>2)</t>
    </r>
  </si>
  <si>
    <r>
      <t>Employés</t>
    </r>
    <r>
      <rPr>
        <vertAlign val="superscript"/>
        <sz val="11"/>
        <color rgb="FF000000"/>
        <rFont val="Scotia"/>
        <family val="2"/>
      </rPr>
      <t>6)</t>
    </r>
  </si>
  <si>
    <r>
      <t>BNADCP ajusté</t>
    </r>
    <r>
      <rPr>
        <b/>
        <vertAlign val="superscript"/>
        <sz val="11"/>
        <color theme="1"/>
        <rFont val="Scotia"/>
        <family val="2"/>
      </rPr>
      <t>1)</t>
    </r>
  </si>
  <si>
    <r>
      <t>Employés</t>
    </r>
    <r>
      <rPr>
        <b/>
        <vertAlign val="superscript"/>
        <sz val="11"/>
        <rFont val="Scotia"/>
        <family val="2"/>
      </rPr>
      <t>4)</t>
    </r>
  </si>
  <si>
    <r>
      <t>Rendement des capitaux propres (%)</t>
    </r>
    <r>
      <rPr>
        <vertAlign val="superscript"/>
        <sz val="11"/>
        <color theme="1"/>
        <rFont val="Scotia"/>
        <family val="2"/>
      </rPr>
      <t>2)</t>
    </r>
  </si>
  <si>
    <r>
      <t>Employés</t>
    </r>
    <r>
      <rPr>
        <b/>
        <vertAlign val="superscript"/>
        <sz val="11"/>
        <color theme="1"/>
        <rFont val="Scotia"/>
        <family val="2"/>
      </rPr>
      <t>4)</t>
    </r>
  </si>
  <si>
    <r>
      <t>Performance des secteurs d’activité : Autres</t>
    </r>
    <r>
      <rPr>
        <b/>
        <vertAlign val="superscript"/>
        <sz val="14"/>
        <color theme="0"/>
        <rFont val="Scotia"/>
        <family val="2"/>
      </rPr>
      <t>1)</t>
    </r>
  </si>
  <si>
    <r>
      <t>Revenus d’intérêts nets (BMEF)</t>
    </r>
    <r>
      <rPr>
        <vertAlign val="superscript"/>
        <sz val="11"/>
        <color theme="1"/>
        <rFont val="Scotia"/>
        <family val="2"/>
      </rPr>
      <t>2)</t>
    </r>
  </si>
  <si>
    <r>
      <t>Total des revenus (BMEF)</t>
    </r>
    <r>
      <rPr>
        <b/>
        <vertAlign val="superscript"/>
        <sz val="11"/>
        <color theme="1"/>
        <rFont val="Scotia"/>
        <family val="2"/>
      </rPr>
      <t>2)</t>
    </r>
  </si>
  <si>
    <r>
      <t>Autres</t>
    </r>
    <r>
      <rPr>
        <vertAlign val="superscript"/>
        <sz val="11"/>
        <color theme="1"/>
        <rFont val="Scotia"/>
        <family val="2"/>
      </rPr>
      <t>2)</t>
    </r>
  </si>
  <si>
    <r>
      <t>Éléments d’ajustement</t>
    </r>
    <r>
      <rPr>
        <b/>
        <vertAlign val="superscript"/>
        <sz val="11"/>
        <color theme="1"/>
        <rFont val="Scotia"/>
        <family val="2"/>
      </rPr>
      <t>1)</t>
    </r>
  </si>
  <si>
    <r>
      <t>Perte nette sur les cessions et la réduction d’activités</t>
    </r>
    <r>
      <rPr>
        <vertAlign val="superscript"/>
        <sz val="11"/>
        <color theme="1"/>
        <rFont val="Scotia"/>
        <family val="2"/>
      </rPr>
      <t>2)</t>
    </r>
  </si>
  <si>
    <r>
      <t>Total des revenus autres que d’intérêts (ajusté)</t>
    </r>
    <r>
      <rPr>
        <b/>
        <vertAlign val="superscript"/>
        <sz val="11"/>
        <color theme="1"/>
        <rFont val="Scotia"/>
        <family val="2"/>
      </rPr>
      <t>1)</t>
    </r>
  </si>
  <si>
    <r>
      <t>Revenus se rapportant aux activités de transaction (BMEF)</t>
    </r>
    <r>
      <rPr>
        <b/>
        <vertAlign val="superscript"/>
        <sz val="11"/>
        <color rgb="FFFF0000"/>
        <rFont val="Scotia"/>
        <family val="2"/>
      </rPr>
      <t>1),2)</t>
    </r>
  </si>
  <si>
    <r>
      <t>Total – Revenus se rapportant aux activités de transaction</t>
    </r>
    <r>
      <rPr>
        <b/>
        <vertAlign val="superscript"/>
        <sz val="11"/>
        <color theme="1"/>
        <rFont val="Scotia"/>
        <family val="2"/>
      </rPr>
      <t>2)</t>
    </r>
  </si>
  <si>
    <r>
      <t>Revenus se rapportant aux activités de transaction par produits (BMEF)</t>
    </r>
    <r>
      <rPr>
        <b/>
        <vertAlign val="superscript"/>
        <sz val="11"/>
        <color theme="1"/>
        <rFont val="Scotia"/>
        <family val="2"/>
      </rPr>
      <t>2)</t>
    </r>
  </si>
  <si>
    <r>
      <t>Change et autres</t>
    </r>
    <r>
      <rPr>
        <vertAlign val="superscript"/>
        <sz val="11"/>
        <color theme="1"/>
        <rFont val="Scotia"/>
        <family val="2"/>
      </rPr>
      <t>3)</t>
    </r>
  </si>
  <si>
    <r>
      <t>Total des revenus se rapportant aux activités de transaction par produits (non calculés selon la BMEF)</t>
    </r>
    <r>
      <rPr>
        <b/>
        <vertAlign val="superscript"/>
        <sz val="11"/>
        <color theme="1"/>
        <rFont val="Scotia"/>
        <family val="2"/>
      </rPr>
      <t>2)</t>
    </r>
  </si>
  <si>
    <r>
      <t>Amortissement des immobilisations incorporelles liées aux acquisitions</t>
    </r>
    <r>
      <rPr>
        <vertAlign val="superscript"/>
        <sz val="11"/>
        <color theme="1"/>
        <rFont val="Scotia"/>
        <family val="2"/>
      </rPr>
      <t>2)</t>
    </r>
  </si>
  <si>
    <r>
      <t>Charges de restructuration et autres provisions</t>
    </r>
    <r>
      <rPr>
        <vertAlign val="superscript"/>
        <sz val="11"/>
        <color theme="1"/>
        <rFont val="Scotia"/>
        <family val="2"/>
      </rPr>
      <t>3)</t>
    </r>
  </si>
  <si>
    <r>
      <t>Coûts de soutien du programme de fidélisation Scène+</t>
    </r>
    <r>
      <rPr>
        <vertAlign val="superscript"/>
        <sz val="11"/>
        <color theme="1"/>
        <rFont val="Scotia"/>
        <family val="2"/>
      </rPr>
      <t>3)</t>
    </r>
  </si>
  <si>
    <r>
      <t>Charges d’exploitation ajustées</t>
    </r>
    <r>
      <rPr>
        <b/>
        <vertAlign val="superscript"/>
        <sz val="11"/>
        <color theme="1"/>
        <rFont val="Scotia"/>
        <family val="2"/>
      </rPr>
      <t>1)</t>
    </r>
  </si>
  <si>
    <r>
      <t>Emprunteurs souverains</t>
    </r>
    <r>
      <rPr>
        <vertAlign val="superscript"/>
        <sz val="11"/>
        <color theme="1"/>
        <rFont val="Scotia"/>
        <family val="2"/>
      </rPr>
      <t>3)</t>
    </r>
  </si>
  <si>
    <r>
      <t>Autres</t>
    </r>
    <r>
      <rPr>
        <vertAlign val="superscript"/>
        <sz val="11"/>
        <color theme="1"/>
        <rFont val="Scotia"/>
        <family val="2"/>
      </rPr>
      <t>1)</t>
    </r>
  </si>
  <si>
    <r>
      <t>Dotation au compte de correction de valeur pour pertes sur créances</t>
    </r>
    <r>
      <rPr>
        <vertAlign val="superscript"/>
        <sz val="11"/>
        <color theme="1"/>
        <rFont val="Scotia"/>
        <family val="2"/>
      </rPr>
      <t>1)</t>
    </r>
  </si>
  <si>
    <r>
      <t>Compte de correction de valeur pour pertes sur créances au titre des acceptations et des autres actifs financiers</t>
    </r>
    <r>
      <rPr>
        <vertAlign val="superscript"/>
        <sz val="11"/>
        <color theme="1"/>
        <rFont val="Scotia"/>
        <family val="2"/>
      </rPr>
      <t>2)</t>
    </r>
  </si>
  <si>
    <r>
      <t>Autres</t>
    </r>
    <r>
      <rPr>
        <vertAlign val="superscript"/>
        <sz val="11"/>
        <color theme="1"/>
        <rFont val="Scotia"/>
        <family val="2"/>
      </rPr>
      <t>3)</t>
    </r>
  </si>
  <si>
    <r>
      <t>Autres</t>
    </r>
    <r>
      <rPr>
        <vertAlign val="superscript"/>
        <sz val="11"/>
        <color theme="1"/>
        <rFont val="Scotia"/>
        <family val="2"/>
      </rPr>
      <t>4)</t>
    </r>
  </si>
  <si>
    <r>
      <t>Radiations nettes en pourcentage du montant net des prêts et des acceptations (pdb)</t>
    </r>
    <r>
      <rPr>
        <b/>
        <vertAlign val="superscript"/>
        <sz val="11"/>
        <color theme="1"/>
        <rFont val="Scotia"/>
        <family val="2"/>
      </rPr>
      <t>2)</t>
    </r>
  </si>
  <si>
    <r>
      <t>DCCVPC totale au titre des prêts productifs (étapes 1 et 2)</t>
    </r>
    <r>
      <rPr>
        <b/>
        <vertAlign val="superscript"/>
        <sz val="11"/>
        <color theme="1"/>
        <rFont val="Scotia"/>
        <family val="2"/>
      </rPr>
      <t>1)</t>
    </r>
  </si>
  <si>
    <r>
      <t>DCCVPC au titre des prêts productifs (étapes 1 et 2)</t>
    </r>
    <r>
      <rPr>
        <b/>
        <vertAlign val="superscript"/>
        <sz val="11"/>
        <color theme="1"/>
        <rFont val="Scotia"/>
        <family val="2"/>
      </rPr>
      <t>1)</t>
    </r>
  </si>
  <si>
    <r>
      <t>Services bancaires et marchés mondiaux – y compris l’Amérique latine</t>
    </r>
    <r>
      <rPr>
        <b/>
        <vertAlign val="superscript"/>
        <sz val="11"/>
        <color rgb="FFFF0000"/>
        <rFont val="Scotia"/>
        <family val="2"/>
      </rPr>
      <t>1)</t>
    </r>
  </si>
  <si>
    <r>
      <t>Annexe 2 : Opérations internationales par régions</t>
    </r>
    <r>
      <rPr>
        <b/>
        <vertAlign val="superscript"/>
        <sz val="14"/>
        <color rgb="FFFFFFFF"/>
        <rFont val="Scotia"/>
        <family val="2"/>
      </rPr>
      <t>1)</t>
    </r>
    <r>
      <rPr>
        <b/>
        <sz val="14"/>
        <color rgb="FFFFFFFF"/>
        <rFont val="Scotia"/>
        <family val="2"/>
      </rPr>
      <t xml:space="preserve"> – Amérique latine</t>
    </r>
  </si>
  <si>
    <r>
      <t>Éléments d’ajustement (après impôt)</t>
    </r>
    <r>
      <rPr>
        <vertAlign val="superscript"/>
        <sz val="11"/>
        <color rgb="FF000000"/>
        <rFont val="Scotia"/>
        <family val="2"/>
      </rPr>
      <t>3)</t>
    </r>
  </si>
  <si>
    <r>
      <t>Bénéfice net ajusté</t>
    </r>
    <r>
      <rPr>
        <b/>
        <vertAlign val="superscript"/>
        <sz val="11"/>
        <color rgb="FF000000"/>
        <rFont val="Scotia"/>
        <family val="2"/>
      </rPr>
      <t>3)</t>
    </r>
  </si>
  <si>
    <r>
      <t xml:space="preserve"> Ajusté</t>
    </r>
    <r>
      <rPr>
        <b/>
        <vertAlign val="superscript"/>
        <sz val="11"/>
        <color rgb="FF000000"/>
        <rFont val="Scotia"/>
        <family val="2"/>
      </rPr>
      <t>3)</t>
    </r>
  </si>
  <si>
    <r>
      <t>Mesures de rentabilité</t>
    </r>
    <r>
      <rPr>
        <b/>
        <vertAlign val="superscript"/>
        <sz val="11"/>
        <color rgb="FFFF0000"/>
        <rFont val="Scotia"/>
        <family val="2"/>
      </rPr>
      <t>4)</t>
    </r>
  </si>
  <si>
    <r>
      <t>Marge nette sur intérêts</t>
    </r>
    <r>
      <rPr>
        <vertAlign val="superscript"/>
        <sz val="11"/>
        <color rgb="FF000000"/>
        <rFont val="Scotia"/>
        <family val="2"/>
      </rPr>
      <t>3)</t>
    </r>
  </si>
  <si>
    <r>
      <t>Ratio de productivité (%)</t>
    </r>
    <r>
      <rPr>
        <vertAlign val="superscript"/>
        <sz val="11"/>
        <color rgb="FF000000"/>
        <rFont val="Scotia"/>
        <family val="2"/>
      </rPr>
      <t>5)</t>
    </r>
  </si>
  <si>
    <r>
      <t>Annexe 2 : Opérations internationales par régions</t>
    </r>
    <r>
      <rPr>
        <b/>
        <vertAlign val="superscript"/>
        <sz val="14"/>
        <color rgb="FFFFFFFF"/>
        <rFont val="Scotia"/>
        <family val="2"/>
      </rPr>
      <t xml:space="preserve">1) </t>
    </r>
    <r>
      <rPr>
        <b/>
        <sz val="14"/>
        <color rgb="FFFFFFFF"/>
        <rFont val="Scotia"/>
        <family val="2"/>
      </rPr>
      <t>– Antilles, Amérique centrale et Asie</t>
    </r>
  </si>
  <si>
    <r>
      <t>Total des actifs moyens</t>
    </r>
    <r>
      <rPr>
        <b/>
        <vertAlign val="superscript"/>
        <sz val="11"/>
        <color theme="1"/>
        <rFont val="Scotia"/>
        <family val="2"/>
      </rPr>
      <t>1)</t>
    </r>
  </si>
  <si>
    <r>
      <t>Total des actifs productifs moyens</t>
    </r>
    <r>
      <rPr>
        <vertAlign val="superscript"/>
        <sz val="11"/>
        <color theme="1"/>
        <rFont val="Scotia"/>
        <family val="2"/>
      </rPr>
      <t>1)</t>
    </r>
  </si>
  <si>
    <r>
      <t>Actifs productifs principaux moyens</t>
    </r>
    <r>
      <rPr>
        <b/>
        <vertAlign val="superscript"/>
        <sz val="11"/>
        <color theme="1"/>
        <rFont val="Scotia"/>
        <family val="2"/>
      </rPr>
      <t>1)</t>
    </r>
  </si>
  <si>
    <r>
      <t>Marge nette sur intérêts (%)</t>
    </r>
    <r>
      <rPr>
        <b/>
        <vertAlign val="superscript"/>
        <sz val="11"/>
        <color theme="1"/>
        <rFont val="Scotia"/>
        <family val="2"/>
      </rPr>
      <t>2)</t>
    </r>
  </si>
  <si>
    <r>
      <t>Marge nette sur intérêts (%)</t>
    </r>
    <r>
      <rPr>
        <b/>
        <vertAlign val="superscript"/>
        <sz val="11"/>
        <color rgb="FF000000"/>
        <rFont val="Scotia"/>
        <family val="2"/>
      </rPr>
      <t>2)</t>
    </r>
  </si>
  <si>
    <t>Annexe 1 : Services bancaires et marchés mondiaux (y compris l’Amérique latine)</t>
  </si>
  <si>
    <r>
      <rPr>
        <sz val="11"/>
        <color theme="0"/>
        <rFont val="Scotia"/>
        <family val="2"/>
      </rPr>
      <t xml:space="preserve">Annexe 2 : Opérations internationales par régions </t>
    </r>
    <r>
      <rPr>
        <sz val="11"/>
        <color rgb="FF0000FF"/>
        <rFont val="Scotia"/>
        <family val="2"/>
      </rPr>
      <t>– Antilles, Amérique centrale et Asie</t>
    </r>
  </si>
  <si>
    <r>
      <rPr>
        <sz val="11"/>
        <color theme="0"/>
        <rFont val="Scotia"/>
        <family val="2"/>
      </rPr>
      <t xml:space="preserve">Annexe 2 : Opérations internationales par régions </t>
    </r>
    <r>
      <rPr>
        <sz val="11"/>
        <color rgb="FF0000FF"/>
        <rFont val="Scotia"/>
        <family val="2"/>
      </rPr>
      <t>– Rapprochement des mesures financières non conformes aux PCGR (marge nette sur intérêts)</t>
    </r>
  </si>
  <si>
    <r>
      <t xml:space="preserve">Note : </t>
    </r>
    <r>
      <rPr>
        <sz val="9"/>
        <color theme="1"/>
        <rFont val="Scotia"/>
        <family val="2"/>
      </rPr>
      <t>Les informations financières supplémentaires contiennent des données comparatives de périodes antérieures qui ont été reclassées, au besoin, aux fins de conformité avec la présentation adoptée pour la période à l’étude.</t>
    </r>
  </si>
  <si>
    <r>
      <rPr>
        <b/>
        <sz val="9"/>
        <color theme="1"/>
        <rFont val="Scotia"/>
        <family val="2"/>
      </rPr>
      <t>Éléments d’ajustement</t>
    </r>
    <r>
      <rPr>
        <b/>
        <vertAlign val="superscript"/>
        <sz val="9"/>
        <color theme="1"/>
        <rFont val="Scotia"/>
        <family val="2"/>
      </rPr>
      <t>1)</t>
    </r>
    <r>
      <rPr>
        <b/>
        <sz val="9"/>
        <color theme="1"/>
        <rFont val="Scotia"/>
        <family val="2"/>
      </rPr>
      <t xml:space="preserve"> :</t>
    </r>
    <r>
      <rPr>
        <sz val="9"/>
        <color theme="1"/>
        <rFont val="Scotia"/>
        <family val="2"/>
      </rPr>
      <t xml:space="preserve"> Les résultats ajustés excluent les éléments suivants :</t>
    </r>
  </si>
  <si>
    <r>
      <t xml:space="preserve">Présenté </t>
    </r>
    <r>
      <rPr>
        <i/>
        <sz val="11"/>
        <color rgb="FFFF0000"/>
        <rFont val="Scotia"/>
        <family val="2"/>
      </rPr>
      <t>(en millions de dollars)</t>
    </r>
  </si>
  <si>
    <r>
      <t xml:space="preserve">Ajusté </t>
    </r>
    <r>
      <rPr>
        <i/>
        <sz val="11"/>
        <color rgb="FFFF0000"/>
        <rFont val="Scotia"/>
        <family val="2"/>
      </rPr>
      <t>(en millions de dollars)</t>
    </r>
    <r>
      <rPr>
        <b/>
        <vertAlign val="superscript"/>
        <sz val="11"/>
        <color theme="1"/>
        <rFont val="Scotia"/>
        <family val="2"/>
      </rPr>
      <t>2)</t>
    </r>
  </si>
  <si>
    <r>
      <t xml:space="preserve">Bilan </t>
    </r>
    <r>
      <rPr>
        <i/>
        <sz val="11"/>
        <color rgb="FFFF0000"/>
        <rFont val="Scotia"/>
        <family val="2"/>
      </rPr>
      <t>(en milliards de dollars)</t>
    </r>
  </si>
  <si>
    <r>
      <t xml:space="preserve">Capitalisation boursière </t>
    </r>
    <r>
      <rPr>
        <i/>
        <sz val="11"/>
        <color rgb="FFFF0000"/>
        <rFont val="Scotia"/>
        <family val="2"/>
      </rPr>
      <t>(en millions de dollars)</t>
    </r>
  </si>
  <si>
    <r>
      <t xml:space="preserve">Dividendes sur les actions ordinaires payés </t>
    </r>
    <r>
      <rPr>
        <i/>
        <sz val="11"/>
        <color rgb="FFFF0000"/>
        <rFont val="Scotia"/>
        <family val="2"/>
      </rPr>
      <t>(en millions de dollars)</t>
    </r>
  </si>
  <si>
    <r>
      <t xml:space="preserve">Nombre d’actions ordinaires en circulation à la clôture de la période </t>
    </r>
    <r>
      <rPr>
        <i/>
        <sz val="11"/>
        <color rgb="FFFF0000"/>
        <rFont val="Scotia"/>
        <family val="2"/>
      </rPr>
      <t>(en millions)</t>
    </r>
  </si>
  <si>
    <r>
      <t xml:space="preserve">Nombre moyen d’actions ordinaires en circulation </t>
    </r>
    <r>
      <rPr>
        <i/>
        <sz val="11"/>
        <color rgb="FFFF0000"/>
        <rFont val="Scotia"/>
        <family val="2"/>
      </rPr>
      <t>(en millions)</t>
    </r>
  </si>
  <si>
    <r>
      <t>Ajusté</t>
    </r>
    <r>
      <rPr>
        <b/>
        <vertAlign val="superscript"/>
        <sz val="11"/>
        <rFont val="Scotia"/>
        <family val="2"/>
      </rPr>
      <t>1)</t>
    </r>
  </si>
  <si>
    <r>
      <t>Performance des secteurs d’activité : Opérations internationales (en dollars constants)</t>
    </r>
    <r>
      <rPr>
        <b/>
        <vertAlign val="superscript"/>
        <sz val="14"/>
        <color rgb="FFFFFFFF"/>
        <rFont val="Scotia"/>
        <family val="2"/>
      </rPr>
      <t>1)</t>
    </r>
  </si>
  <si>
    <r>
      <t>BNADCP ajusté</t>
    </r>
    <r>
      <rPr>
        <b/>
        <vertAlign val="superscript"/>
        <sz val="11"/>
        <color theme="1"/>
        <rFont val="Scotia"/>
        <family val="2"/>
      </rPr>
      <t>1)</t>
    </r>
    <r>
      <rPr>
        <b/>
        <sz val="11"/>
        <color theme="1"/>
        <rFont val="Scotia"/>
        <family val="2"/>
      </rPr>
      <t xml:space="preserve"> </t>
    </r>
    <r>
      <rPr>
        <sz val="11"/>
        <color theme="1"/>
        <rFont val="Scotia"/>
        <family val="2"/>
      </rPr>
      <t>par secteurs géographiques</t>
    </r>
  </si>
  <si>
    <r>
      <t xml:space="preserve">Soldes à la clôture de la période </t>
    </r>
    <r>
      <rPr>
        <i/>
        <sz val="11"/>
        <color rgb="FFFF0000"/>
        <rFont val="Scotia"/>
        <family val="2"/>
      </rPr>
      <t>(en milliards de dollars)</t>
    </r>
    <r>
      <rPr>
        <b/>
        <vertAlign val="superscript"/>
        <sz val="11"/>
        <color rgb="FFFF0000"/>
        <rFont val="Scotia"/>
        <family val="2"/>
      </rPr>
      <t>2),3)</t>
    </r>
  </si>
  <si>
    <r>
      <t xml:space="preserve">Soldes moyens </t>
    </r>
    <r>
      <rPr>
        <i/>
        <sz val="11"/>
        <color rgb="FFFF0000"/>
        <rFont val="Scotia"/>
        <family val="2"/>
      </rPr>
      <t>(en milliards de dollars)</t>
    </r>
  </si>
  <si>
    <r>
      <t xml:space="preserve">Actifs sous administration </t>
    </r>
    <r>
      <rPr>
        <i/>
        <sz val="11"/>
        <color rgb="FFFF0000"/>
        <rFont val="Scotia"/>
        <family val="2"/>
      </rPr>
      <t>(en milliards de dollars)</t>
    </r>
    <r>
      <rPr>
        <b/>
        <vertAlign val="superscript"/>
        <sz val="11"/>
        <color rgb="FFFF0000"/>
        <rFont val="Scotia"/>
        <family val="2"/>
      </rPr>
      <t>4)</t>
    </r>
  </si>
  <si>
    <r>
      <t xml:space="preserve">Actifs sous gestion </t>
    </r>
    <r>
      <rPr>
        <i/>
        <sz val="11"/>
        <color rgb="FFFF0000"/>
        <rFont val="Scotia"/>
        <family val="2"/>
      </rPr>
      <t>(en milliards de dollars)</t>
    </r>
    <r>
      <rPr>
        <b/>
        <vertAlign val="superscript"/>
        <sz val="11"/>
        <color rgb="FFFF0000"/>
        <rFont val="Scotia"/>
        <family val="2"/>
      </rPr>
      <t>4)</t>
    </r>
  </si>
  <si>
    <r>
      <t>Total des actifs productifs</t>
    </r>
    <r>
      <rPr>
        <vertAlign val="superscript"/>
        <sz val="11"/>
        <rFont val="Scotia"/>
        <family val="2"/>
      </rPr>
      <t>1)</t>
    </r>
  </si>
  <si>
    <r>
      <t>Bancaires</t>
    </r>
    <r>
      <rPr>
        <vertAlign val="superscript"/>
        <sz val="11"/>
        <color theme="1"/>
        <rFont val="Scotia"/>
        <family val="2"/>
      </rPr>
      <t>1)</t>
    </r>
  </si>
  <si>
    <r>
      <t>Change</t>
    </r>
    <r>
      <rPr>
        <b/>
        <vertAlign val="superscript"/>
        <sz val="11"/>
        <color theme="1"/>
        <rFont val="Scotia"/>
        <family val="2"/>
      </rPr>
      <t>1)</t>
    </r>
    <r>
      <rPr>
        <b/>
        <sz val="11"/>
        <color theme="1"/>
        <rFont val="Scotia"/>
        <family val="2"/>
      </rPr>
      <t>/autres</t>
    </r>
  </si>
  <si>
    <t>Montant net</t>
  </si>
  <si>
    <t>totale</t>
  </si>
  <si>
    <r>
      <t xml:space="preserve">DCCVPC totale </t>
    </r>
    <r>
      <rPr>
        <i/>
        <sz val="11"/>
        <color rgb="FFFF0000"/>
        <rFont val="Scotia"/>
        <family val="2"/>
      </rPr>
      <t>(en millions de dollars)</t>
    </r>
  </si>
  <si>
    <t>Ratio de levier minimum TLAC</t>
  </si>
  <si>
    <t>Plafond en vigueur sur les autres instruments de T1 (« AT1 ») qui seront progressivement éliminés (%)</t>
  </si>
  <si>
    <t>Plafond en vigueur sur les instruments de T2 qui seront progressivement éliminés (%)</t>
  </si>
  <si>
    <r>
      <t>Présenté</t>
    </r>
    <r>
      <rPr>
        <b/>
        <vertAlign val="superscript"/>
        <sz val="11"/>
        <color rgb="FF000000"/>
        <rFont val="Scotia"/>
        <family val="2"/>
      </rPr>
      <t>4)</t>
    </r>
  </si>
  <si>
    <t xml:space="preserve">Le présent document n’est pas audité et il doit être lu en parallèle avec notre rapport trimestriel aux actionnaires du deuxième trimestre de 2023 et notre rapport annuel 2022. </t>
  </si>
  <si>
    <t>Les tableaux qui suivent présentent les rapprochements des résultats financiers présentés conformément aux PCGR et des résultats financiers ajustés non conformes aux PCGR. La direction tient compte des résultats et mesures présentés et ajustés qui sont utiles pour évaluer la performance sous-jacente des activités courantes.  Les résultats et mesures ajustés excluent certains éléments donnés des revenus, des charges autres que d’intérêts, de l’impôt sur le résultat et des participations ne donnant pas le contrôle. Communiquer autant les résultats présentés que les résultats ajustés permet aux lecteurs d’évaluer l’incidence de certains éléments sur les résultats pour les périodes considérées et de mieux apprécier les résultats en excluant les éléments qui ne reflètent pas la performance des activités courantes. Le bénéfice net et le bénéfice dilué par action ont été ajustés pour tenir compte des éléments qui suivent.</t>
  </si>
  <si>
    <t xml:space="preserve">Ajustements ayant une incidence sur la période considérée </t>
  </si>
  <si>
    <t>2. Charges de restructuration et autres provisions : Au quatrième trimestre de 2022, la Banque a comptabilisé une charge de restructuration de 66 millions de dollars (85 millions de dollars avant impôt) liée au réalignement des activités des Services bancaires et marchés mondiaux en Asie-Pacifique et à la réduction du nombre d’employés de secteur technologique par suite des efforts continus de modernisation technologique et de transformation numérique. Au quatrième trimestre de 2021, la Banque a comptabilisé une charge de restructuration de 93 millions de dollars (126 millions de dollars avant impôt) se rapportant pour l’essentiel au secteur Opérations internationales au titre des coûts entraînés par la réduction du nombre de succursales et d’employés à temps plein, par suite de l’adoption accélérée des canaux numériques par les clients et de l’automatisation des processus. De plus, la Banque a comptabilisé une provision au titre de règlements et de litiges de 46 millions de dollars (62 millions de dollars avant impôt) en relation avec ses anciennes activités liées aux métaux. Ces charges ont été comptabilisées dans le secteur d’exploitation Autres.</t>
  </si>
  <si>
    <t>3. Coûts de soutien du programme de fidélisation Scène+ : La Banque a comptabilisé des coûts de 98 millions de dollars (133 millions de dollars avant impôt) afin de soutenir l’expansion du programme de fidélisation Scène+ de manière à y inclure Empire Company Limited à titre de partenaire. Ces coûts engagés sont liés au soutien opérationnel, au marketing visant la transition et aux initiatives technologiques connexes, et ils ont été comptabilisés à titre de charge au quatrième trimestre de 2022 dans le secteur d’exploitation Autres.</t>
  </si>
  <si>
    <t xml:space="preserve">4. Perte nette sur les cessions et la réduction d’activités : Au quatrième trimestre de 2022, la Banque a vendu ses participations dans des entreprises associées au Venezuela et en Thaïlande. De plus, la Banque a réduit ses activités en Inde et en Malaisie dans le cadre d’un réalignement des activités dans la région de l’Asie-Pacifique. Collectivement, la vente de ces entités et la réduction de ces activités ont donné lieu à une perte nette de 340 millions de dollars (361 millions de dollars avant impôt), dont une tranche de 294 millions de dollars (315 millions de dollars avant impôt) a trait à une perte de change cumulée, déduction faite des couvertures, qui a été reclassée dans les revenus autres que d’intérêts de l’état du résultat net à partir du cumul des autres éléments du résultat global. Cette perte nette a été comptabilisée dans le secteur d’exploitation Autres. Pour obtenir de plus amples renseignements sur ces transactions, se reporter à la note 36 afférente aux états financiers consolidés du rapport annuel 2022 aux actionnaires. </t>
  </si>
  <si>
    <t>Cumulatif</t>
  </si>
  <si>
    <t>Exercice</t>
  </si>
  <si>
    <t>Éléments d’ajustement (après impôt et PDPC)</t>
  </si>
  <si>
    <t>1) Se reporter aux mesures non conformes aux PCGR à la page Notes 1 du rapport d’informations financières supplémentaires.</t>
  </si>
  <si>
    <t>Bénéfice net attribuable aux actionnaires privilégiés et aux porteurs d’autres instruments de capitaux propres</t>
  </si>
  <si>
    <r>
      <rPr>
        <sz val="7"/>
        <color rgb="FF000000"/>
        <rFont val="Scotia"/>
        <family val="2"/>
      </rPr>
      <t>44, 48-52</t>
    </r>
  </si>
  <si>
    <t>Description de la culture de gestion du risque et des procédures appliquées pour soutenir cette culture.</t>
  </si>
  <si>
    <r>
      <rPr>
        <sz val="7"/>
        <color rgb="FF000000"/>
        <rFont val="Scotia"/>
        <family val="2"/>
      </rPr>
      <t>48-49</t>
    </r>
  </si>
  <si>
    <r>
      <rPr>
        <sz val="7"/>
        <color rgb="FF000000"/>
        <rFont val="Scotia"/>
        <family val="2"/>
      </rPr>
      <t>48-49, 79</t>
    </r>
  </si>
  <si>
    <t>Analyse des actifs pondérés en fonction des risques par types de risque, entreprises et actifs pondérés en fonction du risque de marché.</t>
  </si>
  <si>
    <r>
      <rPr>
        <sz val="7"/>
        <color rgb="FF000000"/>
        <rFont val="Scotia"/>
        <family val="2"/>
      </rPr>
      <t>82-83</t>
    </r>
  </si>
  <si>
    <r>
      <rPr>
        <sz val="7"/>
        <color rgb="FF000000"/>
        <rFont val="Scotia"/>
        <family val="2"/>
      </rPr>
      <t>39-42</t>
    </r>
  </si>
  <si>
    <r>
      <rPr>
        <sz val="7"/>
        <color rgb="FF000000"/>
        <rFont val="Scotia"/>
        <family val="2"/>
      </rPr>
      <t>46-47</t>
    </r>
  </si>
  <si>
    <r>
      <rPr>
        <sz val="7"/>
        <color rgb="FF000000"/>
        <rFont val="Scotia"/>
        <family val="2"/>
      </rPr>
      <t>38-39</t>
    </r>
  </si>
  <si>
    <r>
      <rPr>
        <sz val="7"/>
        <color rgb="FF000000"/>
        <rFont val="Scotia"/>
        <family val="2"/>
      </rPr>
      <t>37, 84</t>
    </r>
  </si>
  <si>
    <r>
      <rPr>
        <sz val="7"/>
        <color rgb="FF000000"/>
        <rFont val="Scotia"/>
        <family val="2"/>
      </rPr>
      <t>49, 82-83</t>
    </r>
  </si>
  <si>
    <r>
      <t>– en % des prêts et des acceptations</t>
    </r>
    <r>
      <rPr>
        <vertAlign val="superscript"/>
        <sz val="11"/>
        <color theme="1"/>
        <rFont val="Scotia"/>
        <family val="2"/>
      </rPr>
      <t>1)</t>
    </r>
  </si>
  <si>
    <r>
      <t>DCCVPC en pourcentage de la moyenne du montant net des prêts et des acceptations</t>
    </r>
    <r>
      <rPr>
        <vertAlign val="superscript"/>
        <sz val="11"/>
        <color theme="1"/>
        <rFont val="Scotia"/>
        <family val="2"/>
      </rPr>
      <t>1),6)</t>
    </r>
  </si>
  <si>
    <r>
      <t>DCCVPC au titre des prêts douteux en pourcentage de la moyenne du montant net des prêts et des acceptations</t>
    </r>
    <r>
      <rPr>
        <vertAlign val="superscript"/>
        <sz val="11"/>
        <color theme="1"/>
        <rFont val="Scotia"/>
        <family val="2"/>
      </rPr>
      <t>1),6)</t>
    </r>
  </si>
  <si>
    <r>
      <t>Capacité totale d’absorption des pertes (TLAC) (en pourcentage du risque de levier)</t>
    </r>
    <r>
      <rPr>
        <vertAlign val="superscript"/>
        <sz val="11"/>
        <color theme="1"/>
        <rFont val="Scotia"/>
        <family val="2"/>
      </rPr>
      <t>11)</t>
    </r>
  </si>
  <si>
    <r>
      <t>TLAC (en pourcentage des actifs pondérés en fonction des risques ajustés conformément au régime de TLAC)</t>
    </r>
    <r>
      <rPr>
        <vertAlign val="superscript"/>
        <sz val="11"/>
        <color theme="1"/>
        <rFont val="Scotia"/>
        <family val="2"/>
      </rPr>
      <t>11)</t>
    </r>
  </si>
  <si>
    <t xml:space="preserve">1) Se reporter à la page 54 du rapport trimestriel aux actionnaires du deuxième trimestre de 2023, disponible à www.sedar.com, pour une description de cette mesure. Cette description est intégrée par renvoi au présent document. </t>
  </si>
  <si>
    <t>4) Compte tenu du compte de correction de valeur pour pertes sur créances au titre de tous les actifs financiers : prêts, acceptations, exposition au risque lié à des éléments hors bilan et d'autres actifs financiers.</t>
  </si>
  <si>
    <t>5) Compte tenu de la dotation au compte de correction de valeur pour pertes sur créances au titre de tous les actifs financiers : prêts, acceptations, exposition au risque lié à des éléments hors bilan et d'autres actifs financiers.</t>
  </si>
  <si>
    <t>6) Compte tenu de la dotation au compte de correction de valeur pour pertes sur créances au titre de certains actifs financiers – des prêts, des acceptations et des expositions hors bilan.</t>
  </si>
  <si>
    <t>7) Les ratios de fonds propres réglementaires pour le deuxième trimestre de 2023 sont fondés sur les exigences révisées de Bâle III et sont calculés conformément à la ligne directrice Normes de fonds propres du BSIF (février 2023).  Les ratios de fonds propres réglementaires des périodes précédentes ont été calculés conformément à la ligne directrice Normes de fonds propres du BSIF (novembre 2018).</t>
  </si>
  <si>
    <t>8) Les ratios de levier pour le deuxième trimestre de 2023 sont fondés sur les exigences révisées de Bâle III et sont calculés conformément à la ligne directrice Exigences de levier du BSIF (février 2023).  Les ratios de levier des périodes précédentes ont été calculés conformément à la ligne directrice Exigences de levier du BSIF (novembre 2018).</t>
  </si>
  <si>
    <t>– Haut</t>
  </si>
  <si>
    <t>– Bas</t>
  </si>
  <si>
    <r>
      <t>Autres données</t>
    </r>
    <r>
      <rPr>
        <b/>
        <vertAlign val="superscript"/>
        <sz val="11"/>
        <color rgb="FFFF0000"/>
        <rFont val="Scotia"/>
        <family val="2"/>
      </rPr>
      <t>3)</t>
    </r>
  </si>
  <si>
    <r>
      <t>Succursales et bureaux</t>
    </r>
    <r>
      <rPr>
        <vertAlign val="superscript"/>
        <sz val="11"/>
        <color theme="1"/>
        <rFont val="Scotia"/>
        <family val="2"/>
      </rPr>
      <t>5)</t>
    </r>
  </si>
  <si>
    <r>
      <t>Moody’s</t>
    </r>
    <r>
      <rPr>
        <vertAlign val="superscript"/>
        <sz val="11"/>
        <color theme="1"/>
        <rFont val="Scotia"/>
        <family val="2"/>
      </rPr>
      <t>6)</t>
    </r>
  </si>
  <si>
    <r>
      <rPr>
        <b/>
        <sz val="11"/>
        <color rgb="FF000000"/>
        <rFont val="Scotia"/>
        <family val="2"/>
      </rPr>
      <t xml:space="preserve"> Aa2 </t>
    </r>
  </si>
  <si>
    <r>
      <rPr>
        <sz val="11"/>
        <color rgb="FF000000"/>
        <rFont val="Scotia"/>
        <family val="2"/>
      </rPr>
      <t xml:space="preserve"> Aa2 </t>
    </r>
  </si>
  <si>
    <r>
      <rPr>
        <sz val="11"/>
        <color rgb="FF000000"/>
        <rFont val="Scotia"/>
        <family val="2"/>
      </rPr>
      <t>Aa2</t>
    </r>
  </si>
  <si>
    <r>
      <t>Standard &amp; Poor’s</t>
    </r>
    <r>
      <rPr>
        <vertAlign val="superscript"/>
        <sz val="11"/>
        <color theme="1"/>
        <rFont val="Scotia"/>
        <family val="2"/>
      </rPr>
      <t>6)</t>
    </r>
  </si>
  <si>
    <r>
      <rPr>
        <b/>
        <sz val="11"/>
        <color rgb="FF000000"/>
        <rFont val="Scotia"/>
        <family val="2"/>
      </rPr>
      <t xml:space="preserve"> A+ </t>
    </r>
  </si>
  <si>
    <r>
      <rPr>
        <sz val="11"/>
        <color rgb="FF000000"/>
        <rFont val="Scotia"/>
        <family val="2"/>
      </rPr>
      <t xml:space="preserve"> A+ </t>
    </r>
  </si>
  <si>
    <r>
      <rPr>
        <sz val="11"/>
        <color rgb="FF000000"/>
        <rFont val="Scotia"/>
        <family val="2"/>
      </rPr>
      <t>A+</t>
    </r>
  </si>
  <si>
    <r>
      <t>Fitch</t>
    </r>
    <r>
      <rPr>
        <vertAlign val="superscript"/>
        <sz val="11"/>
        <color theme="1"/>
        <rFont val="Scotia"/>
        <family val="2"/>
      </rPr>
      <t>6)</t>
    </r>
  </si>
  <si>
    <r>
      <rPr>
        <b/>
        <sz val="11"/>
        <color rgb="FF000000"/>
        <rFont val="Scotia"/>
        <family val="2"/>
      </rPr>
      <t xml:space="preserve"> AA </t>
    </r>
  </si>
  <si>
    <r>
      <rPr>
        <sz val="11"/>
        <color rgb="FF000000"/>
        <rFont val="Scotia"/>
        <family val="2"/>
      </rPr>
      <t xml:space="preserve"> AA </t>
    </r>
  </si>
  <si>
    <r>
      <rPr>
        <sz val="11"/>
        <color rgb="FF000000"/>
        <rFont val="Scotia"/>
        <family val="2"/>
      </rPr>
      <t>AA</t>
    </r>
  </si>
  <si>
    <r>
      <t>DBRS</t>
    </r>
    <r>
      <rPr>
        <vertAlign val="superscript"/>
        <sz val="11"/>
        <color theme="1"/>
        <rFont val="Scotia"/>
        <family val="2"/>
      </rPr>
      <t>6)</t>
    </r>
  </si>
  <si>
    <t xml:space="preserve">5) Les montants des périodes précédentes ont été retraités afin d’inclure les bureaux de Gestion financière MD et de Jarislowsky Fraser. </t>
  </si>
  <si>
    <t xml:space="preserve">6) Au 30 avril 2023, la perspective (Moody’s, Standard &amp; Poor’s, DBRS et Fitch) est stable.  </t>
  </si>
  <si>
    <t>Bénéfice net attribuable aux PDPC dans des filiales présenté</t>
  </si>
  <si>
    <r>
      <t>Bénéfice net attribuable aux PDPC dans des filiales ajusté</t>
    </r>
    <r>
      <rPr>
        <vertAlign val="superscript"/>
        <sz val="11"/>
        <color theme="1"/>
        <rFont val="Scotia"/>
        <family val="2"/>
      </rPr>
      <t>1)</t>
    </r>
    <r>
      <rPr>
        <sz val="11"/>
        <color theme="1"/>
        <rFont val="Scotia"/>
        <family val="2"/>
      </rPr>
      <t xml:space="preserve"> </t>
    </r>
  </si>
  <si>
    <t>Bénéfice net attribuable aux détenteurs de titres de capitaux propres de la Banque présenté</t>
  </si>
  <si>
    <r>
      <t>Bénéfice net attribuable aux détenteurs de titres de capitaux propres de la Banque ajusté</t>
    </r>
    <r>
      <rPr>
        <vertAlign val="superscript"/>
        <sz val="11"/>
        <color theme="1"/>
        <rFont val="Scotia"/>
        <family val="2"/>
      </rPr>
      <t>1)</t>
    </r>
  </si>
  <si>
    <r>
      <t>Bénéfice net attribuable aux actionnaires ordinaires ajusté</t>
    </r>
    <r>
      <rPr>
        <vertAlign val="superscript"/>
        <sz val="11"/>
        <color theme="1"/>
        <rFont val="Scotia"/>
        <family val="2"/>
      </rPr>
      <t xml:space="preserve">1) </t>
    </r>
  </si>
  <si>
    <r>
      <t>Incidence dilutive ajustée des options au titre de paiements fondés sur des actions et d'autres</t>
    </r>
    <r>
      <rPr>
        <vertAlign val="superscript"/>
        <sz val="11"/>
        <color theme="1"/>
        <rFont val="Scotia"/>
        <family val="2"/>
      </rPr>
      <t>1),2)</t>
    </r>
  </si>
  <si>
    <r>
      <t>Bénéfice net attribuable aux actionnaires ordinaires (dilué)</t>
    </r>
    <r>
      <rPr>
        <b/>
        <vertAlign val="superscript"/>
        <sz val="11"/>
        <color theme="1"/>
        <rFont val="Scotia"/>
        <family val="2"/>
      </rPr>
      <t xml:space="preserve"> </t>
    </r>
    <r>
      <rPr>
        <b/>
        <sz val="11"/>
        <color theme="1"/>
        <rFont val="Scotia"/>
        <family val="2"/>
      </rPr>
      <t>ajusté</t>
    </r>
    <r>
      <rPr>
        <b/>
        <vertAlign val="superscript"/>
        <sz val="11"/>
        <color theme="1"/>
        <rFont val="Scotia"/>
        <family val="2"/>
      </rPr>
      <t>1)</t>
    </r>
  </si>
  <si>
    <t>1) Se reporter aux mesures non conformes aux PCGR des pages Notes 1-3 du rapport d’informations financières supplémentaires.</t>
  </si>
  <si>
    <t>2) La somme des ajustements trimestriels pourrait ne pas correspondre aux ajustements de l’exercice complet en raison des différences temporaires à l’égard des calculs.</t>
  </si>
  <si>
    <r>
      <t>Bénéfice net attribuable aux détenteurs de titres de capitaux propres de la Banque ajusté</t>
    </r>
    <r>
      <rPr>
        <b/>
        <vertAlign val="superscript"/>
        <sz val="11"/>
        <color theme="1"/>
        <rFont val="Scotia"/>
        <family val="2"/>
      </rPr>
      <t>1)</t>
    </r>
  </si>
  <si>
    <r>
      <t>Dotation au compte de correction de valeur pour pertes sur créances (DCCVPC) en pourcentage de la moyenne du montant net des prêts et des acceptations</t>
    </r>
    <r>
      <rPr>
        <vertAlign val="superscript"/>
        <sz val="11"/>
        <color theme="1"/>
        <rFont val="Scotia"/>
        <family val="2"/>
      </rPr>
      <t>2), 3)</t>
    </r>
  </si>
  <si>
    <r>
      <t>DCCVPC au titre des prêts douteux en pourcentage de la moyenne du montant net des prêts et des acceptations</t>
    </r>
    <r>
      <rPr>
        <vertAlign val="superscript"/>
        <sz val="11"/>
        <color theme="1"/>
        <rFont val="Scotia"/>
        <family val="2"/>
      </rPr>
      <t>2),3)</t>
    </r>
  </si>
  <si>
    <r>
      <t xml:space="preserve">Soldes moyens du bilan </t>
    </r>
    <r>
      <rPr>
        <i/>
        <sz val="11"/>
        <color rgb="FFFF0000"/>
        <rFont val="Scotia"/>
        <family val="2"/>
      </rPr>
      <t>(en milliards de dollars)</t>
    </r>
  </si>
  <si>
    <r>
      <t>Cartes de crédit</t>
    </r>
    <r>
      <rPr>
        <vertAlign val="superscript"/>
        <sz val="11"/>
        <rFont val="Scotia"/>
        <family val="2"/>
      </rPr>
      <t>4)</t>
    </r>
  </si>
  <si>
    <t>Autres données</t>
  </si>
  <si>
    <t>2) Se reporter à la page 54 du rapport trimestriel aux actionnaires du deuxième trimestre de 2023, disponible à www.sedar.com, pour une description de cette mesure. Cette description est intégrée par renvoi au présent document.</t>
  </si>
  <si>
    <t>3) Dotation au compte de correction de valeur pour pertes sur créances au titre de certains actifs financiers – des prêts, des acceptations et des expositions hors bilan.</t>
  </si>
  <si>
    <t>4) Les cartes de crédit comprennent les cartes de crédit de particuliers et de petites entreprises.</t>
  </si>
  <si>
    <t xml:space="preserve">5) Les employés sont présentés selon l’effectif équivalent temps plein et ils comprennent les employés des centres de contact au Canada et à l’étranger qui fournissent du soutien au Réseau Canadien. </t>
  </si>
  <si>
    <r>
      <t xml:space="preserve">État du résultat net – Sur une base de mise en équivalence fiscale (BMEF) – </t>
    </r>
    <r>
      <rPr>
        <i/>
        <sz val="11"/>
        <color rgb="FFFF0000"/>
        <rFont val="Scotia"/>
        <family val="2"/>
      </rPr>
      <t>(en millions de dollars)</t>
    </r>
  </si>
  <si>
    <t>Bénéfice net attribuable aux participations ne donnant pas le contrôle (PDPC) présenté</t>
  </si>
  <si>
    <t>Bénéfice net attribuable aux détenteurs de titres de capitaux propres de la Banque (BNADCP) présenté</t>
  </si>
  <si>
    <r>
      <t>Bénéfice net attribuable aux participations ne donnant pas le contrôle (PDPC) ajusté</t>
    </r>
    <r>
      <rPr>
        <b/>
        <vertAlign val="superscript"/>
        <sz val="11"/>
        <color rgb="FF000000"/>
        <rFont val="Scotia"/>
        <family val="2"/>
      </rPr>
      <t>1)</t>
    </r>
  </si>
  <si>
    <r>
      <t>Bénéfice net attribuable aux détenteurs de titres de capitaux propres de la Banque (BNADCP) ajusté</t>
    </r>
    <r>
      <rPr>
        <b/>
        <vertAlign val="superscript"/>
        <sz val="11"/>
        <color rgb="FF000000"/>
        <rFont val="Scotia"/>
        <family val="2"/>
      </rPr>
      <t>1)</t>
    </r>
  </si>
  <si>
    <r>
      <t>Dotation au compte de correction de valeur pour pertes sur créances (DCCVPC) en pourcentage de la moyenne du montant net des prêts et des acceptations</t>
    </r>
    <r>
      <rPr>
        <vertAlign val="superscript"/>
        <sz val="11"/>
        <color rgb="FF000000"/>
        <rFont val="Scotia"/>
        <family val="2"/>
      </rPr>
      <t>2),3)</t>
    </r>
  </si>
  <si>
    <r>
      <t>DCCVPC au titre des prêts douteux en pourcentage de la moyenne du montant net des prêts et des acceptations</t>
    </r>
    <r>
      <rPr>
        <vertAlign val="superscript"/>
        <sz val="11"/>
        <color rgb="FF000000"/>
        <rFont val="Scotia"/>
        <family val="2"/>
      </rPr>
      <t>2),3)</t>
    </r>
  </si>
  <si>
    <t>Cartes de crédit</t>
  </si>
  <si>
    <r>
      <t>Bénéfice net attribuable aux participations ne donnant pas le contrôle (PDPC) ajusté</t>
    </r>
    <r>
      <rPr>
        <b/>
        <vertAlign val="superscript"/>
        <sz val="11"/>
        <color rgb="FF000000"/>
        <rFont val="Scotia"/>
        <family val="2"/>
      </rPr>
      <t>2)</t>
    </r>
  </si>
  <si>
    <r>
      <t>Bénéfice net attribuable aux détenteurs de titres de capitaux propres de la Banque (BNADCP) ajusté</t>
    </r>
    <r>
      <rPr>
        <b/>
        <vertAlign val="superscript"/>
        <sz val="11"/>
        <color rgb="FF000000"/>
        <rFont val="Scotia"/>
        <family val="2"/>
      </rPr>
      <t>2)</t>
    </r>
  </si>
  <si>
    <r>
      <t>Dotation au compte de correction de valeur pour pertes sur créances (DCCVPC) en pourcentage de la moyenne du montant net des prêts et des acceptations</t>
    </r>
    <r>
      <rPr>
        <vertAlign val="superscript"/>
        <sz val="11"/>
        <color rgb="FF000000"/>
        <rFont val="Scotia"/>
        <family val="2"/>
      </rPr>
      <t>4),5)</t>
    </r>
  </si>
  <si>
    <r>
      <t>DCCVPC au titre des prêts douteux en pourcentage de la moyenne du montant net des prêts et des acceptations</t>
    </r>
    <r>
      <rPr>
        <vertAlign val="superscript"/>
        <sz val="11"/>
        <color rgb="FF000000"/>
        <rFont val="Scotia"/>
        <family val="2"/>
      </rPr>
      <t>4),5)</t>
    </r>
  </si>
  <si>
    <t xml:space="preserve">1) Données présentées selon des taux de change constants. Les résultats trimestriels reflètent les taux de change du deuxième trimestre de 2023, tandis que les résultats pour l’exercice complet reflètent les taux de change moyens pour l’exercice en cours.   Se reporter aux mesures non conformes aux PCGR à la page 7 du rapport trimestriel aux actionnaires du deuxième trimestre de 2023, disponible à www.sedar.com. </t>
  </si>
  <si>
    <t>4) Se reporter à la page 54 du rapport trimestriel aux actionnaires du deuxième trimestre de 2023, disponible à www.sedar.com, pour une description de cette mesure. Cette description est intégrée par renvoi au présent document.</t>
  </si>
  <si>
    <t>5) Dotation au compte de correction de valeur pour pertes sur créances au titre de certains actifs financiers – des prêts, des acceptations et des expositions hors bilan.</t>
  </si>
  <si>
    <t>Compte de correction de valeur pour pertes sur créances – dotation (reprise)</t>
  </si>
  <si>
    <r>
      <t>Bénéfice net attribuable aux PDPC ajusté</t>
    </r>
    <r>
      <rPr>
        <b/>
        <vertAlign val="superscript"/>
        <sz val="11"/>
        <color theme="1"/>
        <rFont val="Scotia"/>
        <family val="2"/>
      </rPr>
      <t>1)</t>
    </r>
  </si>
  <si>
    <r>
      <t>Total du bénéfice net attribuable aux détenteurs de titres de capitaux propres de la Banque ajusté</t>
    </r>
    <r>
      <rPr>
        <b/>
        <vertAlign val="superscript"/>
        <sz val="11"/>
        <color theme="1"/>
        <rFont val="Scotia"/>
        <family val="2"/>
      </rPr>
      <t>1)</t>
    </r>
  </si>
  <si>
    <r>
      <t>Dotation au compte de correction de valeur pour pertes sur créances (DCCVPC) en pourcentage de la moyenne du montant net des prêts et des acceptations</t>
    </r>
    <r>
      <rPr>
        <vertAlign val="superscript"/>
        <sz val="11"/>
        <color theme="1"/>
        <rFont val="Scotia"/>
        <family val="2"/>
      </rPr>
      <t>1),3)</t>
    </r>
  </si>
  <si>
    <r>
      <t>DCCVPC au titre des prêts douteux en pourcentage de la moyenne du montant net des prêts et des acceptations</t>
    </r>
    <r>
      <rPr>
        <vertAlign val="superscript"/>
        <sz val="11"/>
        <color theme="1"/>
        <rFont val="Scotia"/>
        <family val="2"/>
      </rPr>
      <t>1),3)</t>
    </r>
  </si>
  <si>
    <t>1) Se reporter à la page 54 du rapport trimestriel aux actionnaires du deuxième trimestre de 2023, disponible à www.sedar.com, pour une description de cette mesure. Cette description est intégrée par renvoi au présent document.</t>
  </si>
  <si>
    <t>3) Dotation au compte de correction de valeur pour pertes sur créances à l’égard de certains actifs financiers – des prêts, des acceptations et des expositions hors bilan.</t>
  </si>
  <si>
    <r>
      <t>Revenus autres que d’intérêts (BMEF)</t>
    </r>
    <r>
      <rPr>
        <vertAlign val="superscript"/>
        <sz val="11"/>
        <color theme="1"/>
        <rFont val="Scotia"/>
        <family val="2"/>
      </rPr>
      <t>2),3),4)</t>
    </r>
  </si>
  <si>
    <r>
      <t>Charges autres que d’intérêts</t>
    </r>
    <r>
      <rPr>
        <vertAlign val="superscript"/>
        <sz val="11"/>
        <color theme="1"/>
        <rFont val="Scotia"/>
        <family val="2"/>
      </rPr>
      <t>4)</t>
    </r>
  </si>
  <si>
    <r>
      <t>Éléments d’ajustement (après impôt)</t>
    </r>
    <r>
      <rPr>
        <vertAlign val="superscript"/>
        <sz val="11"/>
        <color theme="1"/>
        <rFont val="Scotia"/>
        <family val="2"/>
      </rPr>
      <t>5)</t>
    </r>
  </si>
  <si>
    <r>
      <t>Bénéfice net ajusté</t>
    </r>
    <r>
      <rPr>
        <b/>
        <vertAlign val="superscript"/>
        <sz val="11"/>
        <color theme="1"/>
        <rFont val="Scotia"/>
        <family val="2"/>
      </rPr>
      <t>5)</t>
    </r>
  </si>
  <si>
    <t>Bénéfice net attribuable aux participations ne donnant pas le contrôle présenté</t>
  </si>
  <si>
    <r>
      <t>Bénéfice net attribuable aux participations ne donnant pas le contrôle ajusté</t>
    </r>
    <r>
      <rPr>
        <b/>
        <vertAlign val="superscript"/>
        <sz val="11"/>
        <color theme="1"/>
        <rFont val="Scotia"/>
        <family val="2"/>
      </rPr>
      <t>5)</t>
    </r>
  </si>
  <si>
    <r>
      <t>Bénéfice net attribuable aux détenteurs de titres de capitaux propres de la Banque ajusté</t>
    </r>
    <r>
      <rPr>
        <b/>
        <vertAlign val="superscript"/>
        <sz val="11"/>
        <color theme="1"/>
        <rFont val="Scotia"/>
        <family val="2"/>
      </rPr>
      <t>5)</t>
    </r>
  </si>
  <si>
    <r>
      <rPr>
        <b/>
        <sz val="11"/>
        <color rgb="FFFF0000"/>
        <rFont val="Scotia"/>
        <family val="2"/>
      </rPr>
      <t>Informations supplémentaires</t>
    </r>
    <r>
      <rPr>
        <sz val="11"/>
        <color rgb="FFFF0000"/>
        <rFont val="Scotia"/>
        <family val="2"/>
      </rPr>
      <t xml:space="preserve"> </t>
    </r>
    <r>
      <rPr>
        <i/>
        <sz val="11"/>
        <color rgb="FFFF0000"/>
        <rFont val="Scotia"/>
        <family val="2"/>
      </rPr>
      <t>(en millions de dollars)</t>
    </r>
    <r>
      <rPr>
        <i/>
        <vertAlign val="superscript"/>
        <sz val="11"/>
        <color rgb="FFFF0000"/>
        <rFont val="Scotia"/>
        <family val="2"/>
      </rPr>
      <t>2)</t>
    </r>
  </si>
  <si>
    <t>Ajustement des revenus d'intérêts nets au titre de la BMEF</t>
  </si>
  <si>
    <t>Ajustement des revenus autres que d'intérêts au titre de la BMEF</t>
  </si>
  <si>
    <t>Ajustement du total des revenus au titre de la BMEF</t>
  </si>
  <si>
    <t>Ajustement de la charge d'impôt sur le résultat au titre de la BMEF</t>
  </si>
  <si>
    <t xml:space="preserve">3) Comprend la perte nette sur les cessions et la réduction d’activités. </t>
  </si>
  <si>
    <t xml:space="preserve">4) Comprend l’élimination des frais payés au Réseau canadien par les activités de gestion de patrimoine au Canada pour du soutien administratif et d’autres services fournis par le Réseau canadien au secteur Gestion de patrimoine mondiale. Ces montants sont inclus dans les revenus du Réseau canadien et dans les charges d’exploitation du secteur Gestion de patrimoine mondiale. </t>
  </si>
  <si>
    <t>5) Se reporter aux mesures non conformes aux PCGR aux pages des Notes 1-3 du rapport d’informations financières supplémentaires.</t>
  </si>
  <si>
    <t>1) Se reporter aux mesures non conformes aux PCGR aux pages des Notes 1-3 du rapport d’informations financières supplémentaires.</t>
  </si>
  <si>
    <t>2) Comptabilisé sous « Autres » dans les autres revenus d’exploitation ci-dessus.</t>
  </si>
  <si>
    <t>Prêts aux entreprises et aux administrations publiques</t>
  </si>
  <si>
    <t>Terrains, bâtiments et équipement</t>
  </si>
  <si>
    <t>Particuliers</t>
  </si>
  <si>
    <t>Obligations relatives aux titres vendus à découvert</t>
  </si>
  <si>
    <t>Obligations relatives aux titres mis en pension et titres prêtés</t>
  </si>
  <si>
    <t xml:space="preserve">Actifs détenus à des fins de transaction </t>
  </si>
  <si>
    <t>- Cartes de crédit</t>
  </si>
  <si>
    <t>et titres prêtés</t>
  </si>
  <si>
    <t>1) Se reporter aux mesures non conformes aux PCGR à la page 4 du rapport trimestriel aux actionnaires du deuxième trimestre de 2023, disponible à www.sedar.com.</t>
  </si>
  <si>
    <t>Composition du cumul des autres éléments du résultat global</t>
  </si>
  <si>
    <t>Prêts et acceptations, déduction faite du compte de correction de valeur pour pertes sur créances</t>
  </si>
  <si>
    <t xml:space="preserve">2) Le poste « Autres » comprend 7,4 milliards de dollars au titre de la gestion de patrimoine, 3,5 milliards de dollars au titre des services et 2,4 milliards de dollars au titre des produits de financement. </t>
  </si>
  <si>
    <r>
      <t>Cartes de crédit</t>
    </r>
    <r>
      <rPr>
        <vertAlign val="superscript"/>
        <sz val="11"/>
        <color theme="1"/>
        <rFont val="Scotia"/>
        <family val="2"/>
      </rPr>
      <t>1)</t>
    </r>
  </si>
  <si>
    <t>Dotation au compte de correction de valeur pour pertes sur créances (DCCVPC) par secteurs d’activité</t>
  </si>
  <si>
    <t>DCCVPC au titre des prêts, des acceptations et des expositions hors bilan</t>
  </si>
  <si>
    <r>
      <t>DCCVPC au titre des autres actifs financiers</t>
    </r>
    <r>
      <rPr>
        <b/>
        <vertAlign val="superscript"/>
        <sz val="11"/>
        <color theme="1"/>
        <rFont val="Scotia"/>
        <family val="2"/>
      </rPr>
      <t>1)</t>
    </r>
  </si>
  <si>
    <r>
      <t>Dotation au compte de correction de valeur pour pertes sur créances en pourcentage du montant net des prêts et des acceptations (pdb)</t>
    </r>
    <r>
      <rPr>
        <b/>
        <vertAlign val="superscript"/>
        <sz val="11"/>
        <color theme="1"/>
        <rFont val="Scotia"/>
        <family val="2"/>
      </rPr>
      <t>2)</t>
    </r>
  </si>
  <si>
    <t xml:space="preserve">Dotation au compte de correction de valeur pour pertes sur créances en pourcentage du montant net des prêts et des acceptations </t>
  </si>
  <si>
    <t xml:space="preserve">Particuliers </t>
  </si>
  <si>
    <r>
      <t>Exposition au risque transfrontière – pays choisis</t>
    </r>
    <r>
      <rPr>
        <b/>
        <vertAlign val="superscript"/>
        <sz val="14"/>
        <color theme="0"/>
        <rFont val="Scotia"/>
        <family val="2"/>
      </rPr>
      <t>1)</t>
    </r>
  </si>
  <si>
    <t>1) L’exposition au risque transfrontière représente une réclamation contre un emprunteur situé dans un pays étranger, libellée dans une monnaie autre que la monnaie locale et établie en fonction du risque ultime.</t>
  </si>
  <si>
    <t>Bâle III</t>
  </si>
  <si>
    <t>révisé</t>
  </si>
  <si>
    <r>
      <t>Actions ordinaires et assimilées de T1</t>
    </r>
    <r>
      <rPr>
        <b/>
        <vertAlign val="superscript"/>
        <sz val="11"/>
        <color theme="1"/>
        <rFont val="Scotia"/>
        <family val="2"/>
      </rPr>
      <t>1),2)</t>
    </r>
  </si>
  <si>
    <r>
      <t>Fonds propres de T1</t>
    </r>
    <r>
      <rPr>
        <b/>
        <vertAlign val="superscript"/>
        <sz val="11"/>
        <color theme="1"/>
        <rFont val="Scotia"/>
        <family val="2"/>
      </rPr>
      <t>1),2)</t>
    </r>
  </si>
  <si>
    <r>
      <t>Total des fonds propres</t>
    </r>
    <r>
      <rPr>
        <b/>
        <vertAlign val="superscript"/>
        <sz val="11"/>
        <color theme="1"/>
        <rFont val="Scotia"/>
        <family val="2"/>
      </rPr>
      <t>1),2)</t>
    </r>
  </si>
  <si>
    <r>
      <t>Capacité totale d’absorption des pertes (TLAC)</t>
    </r>
    <r>
      <rPr>
        <b/>
        <vertAlign val="superscript"/>
        <sz val="11"/>
        <color theme="1"/>
        <rFont val="Scotia"/>
        <family val="2"/>
      </rPr>
      <t>3)</t>
    </r>
  </si>
  <si>
    <r>
      <t>Actifs pondérés en fonction des risques</t>
    </r>
    <r>
      <rPr>
        <b/>
        <vertAlign val="superscript"/>
        <sz val="11"/>
        <color theme="1"/>
        <rFont val="Scotia"/>
        <family val="2"/>
      </rPr>
      <t>1),2),4)</t>
    </r>
  </si>
  <si>
    <r>
      <t>Ratios de fonds propres (%)</t>
    </r>
    <r>
      <rPr>
        <b/>
        <vertAlign val="superscript"/>
        <sz val="11"/>
        <color theme="1"/>
        <rFont val="Scotia"/>
        <family val="2"/>
      </rPr>
      <t>1),2)</t>
    </r>
  </si>
  <si>
    <t>Actions ordinaires et assimilées de T1 (en pourcentage des actifs pondérés en fonction des risques)</t>
  </si>
  <si>
    <t>Fonds propres de T1 (en pourcentage des actifs pondérés en fonction des risques)</t>
  </si>
  <si>
    <t>Total des fonds propres (en pourcentage des actifs pondérés en fonction des risques)</t>
  </si>
  <si>
    <r>
      <t>Capacité totale d’absorption des pertes (en pourcentage des actifs pondérés en fonction des risques)</t>
    </r>
    <r>
      <rPr>
        <vertAlign val="superscript"/>
        <sz val="11"/>
        <color theme="1"/>
        <rFont val="Scotia"/>
        <family val="2"/>
      </rPr>
      <t>3)</t>
    </r>
  </si>
  <si>
    <r>
      <t>Levier</t>
    </r>
    <r>
      <rPr>
        <b/>
        <vertAlign val="superscript"/>
        <sz val="11"/>
        <color theme="1"/>
        <rFont val="Scotia"/>
        <family val="2"/>
      </rPr>
      <t>5)</t>
    </r>
  </si>
  <si>
    <t>Exposition du ratio de levier</t>
  </si>
  <si>
    <t>Ratio de levier (%)</t>
  </si>
  <si>
    <r>
      <t>Ratio de levier TLAC (%)</t>
    </r>
    <r>
      <rPr>
        <vertAlign val="superscript"/>
        <sz val="11"/>
        <color theme="1"/>
        <rFont val="Scotia"/>
        <family val="2"/>
      </rPr>
      <t>3)</t>
    </r>
  </si>
  <si>
    <t xml:space="preserve">1) Les ratios et montants réglementaires présentés pour le deuxième trimestre de 2023 sont conformes aux exigences révisées de Bâle III et ils ne sont pas directement comparables aux ratios et montants présentés pour les trimestres précédents.   </t>
  </si>
  <si>
    <t>2) Les ratios de fonds propres réglementaires pour le deuxième trimestre de 2023 sont fondés sur les exigences révisées de Bâle III et sont calculés conformément à la ligne directrice Normes de fonds propres du BSIF (février 2023).  Les ratios de fonds propres réglementaires des périodes précédentes ont été calculés conformément à la ligne directrice Normes de fonds propres du BSIF (novembre 2018).</t>
  </si>
  <si>
    <t xml:space="preserve">3) Cette mesure est présentée dans le présent document conformément à la ligne directrice Capacité totale d’absorption des pertes du BSIF (septembre 2018). </t>
  </si>
  <si>
    <t xml:space="preserve">4) Au 30 avril 2023, les actions ordinaires et assimilées de T1, les fonds propres de T1, le total des fonds propres et la capacité totale d’absorption des pertes aux fins du calcul des APR comprenaient un ajustement lié au niveau plancher de Bâle III de 8,2 milliards de dollars. Pour les autres périodes présentées dans le tableau ci-dessus, la Banque n’avait aucune majoration liée au niveau plancher de fonds propres réglementaires au titre des actifs pondérés en fonction des risques pour les actions ordinaires et assimilées de T1, les fonds propres de T1, le total des fonds propres et la capacité totale d’absorption des pertes aux fins du calcul des APR.  </t>
  </si>
  <si>
    <t>5) Les ratios de levier pour le deuxième trimestre de 2023 sont fondés sur les exigences révisées de Bâle III et sont calculés conformément à la ligne directrice Exigences de levier du BSIF (février 2023).  Les ratios de levier des périodes précédentes ont été calculés conformément à la ligne directrice Exigences de levier du BSIF (novembre 2018).</t>
  </si>
  <si>
    <t>Annexe 1 :  Services bancaires et marchés mondiaux (y compris l’Amérique latine)</t>
  </si>
  <si>
    <t xml:space="preserve">1) Comprend les résultats du Mexique, du Pérou, de la Colombie, du Chili et du Brésil ainsi que les résultats des activités de moindre importance dans cette région.  </t>
  </si>
  <si>
    <r>
      <t>Amérique latine</t>
    </r>
    <r>
      <rPr>
        <b/>
        <vertAlign val="superscript"/>
        <sz val="11"/>
        <color rgb="FFFF0000"/>
        <rFont val="Scotia"/>
        <family val="2"/>
      </rPr>
      <t xml:space="preserve">2) </t>
    </r>
    <r>
      <rPr>
        <i/>
        <sz val="11"/>
        <color rgb="FFFF0000"/>
        <rFont val="Scotia"/>
        <family val="2"/>
      </rPr>
      <t>(en millions de dollars)</t>
    </r>
  </si>
  <si>
    <r>
      <t>Dotation au compte de correction de valeur pour pertes sur créances (DCCVPC) en pourcentage de la moyenne du montant net des prêts et des acceptations</t>
    </r>
    <r>
      <rPr>
        <vertAlign val="superscript"/>
        <sz val="11"/>
        <color rgb="FF000000"/>
        <rFont val="Scotia"/>
        <family val="2"/>
      </rPr>
      <t>5),6)</t>
    </r>
  </si>
  <si>
    <r>
      <t>DCCVPC au titre des prêts douteux en pourcentage de la moyenne du montant net des prêts et des acceptations</t>
    </r>
    <r>
      <rPr>
        <vertAlign val="superscript"/>
        <sz val="11"/>
        <color rgb="FF000000"/>
        <rFont val="Scotia"/>
        <family val="2"/>
      </rPr>
      <t>5),6)</t>
    </r>
  </si>
  <si>
    <t xml:space="preserve">1) Données présentées selon des taux de change constants. Les résultats trimestriels reflètent les taux de change du deuxième trimestre de 2023, tandis que les résultats pour l’exercice complet reflètent les taux de change moyens pour l’exercice en cours.   Se reporter aux mesures non conformes aux PCGR à la page 8 du rapport trimestriel aux actionnaires du deuxième trimestre de 2023, disponible à www.sedar.com. </t>
  </si>
  <si>
    <t xml:space="preserve">2) Comprend les résultats du Mexique, du Pérou, de la Colombie, du Chili et du Brésil ainsi que les résultats des activités de moindre importance dans cette région et les charges non attribuées.  </t>
  </si>
  <si>
    <t>5) Se reporter à la page 54 du rapport trimestriel aux actionnaires du deuxième trimestre de 2023, disponible à www.sedar.com, pour une description de cette mesure. Cette description est intégrée par renvoi au présent document.</t>
  </si>
  <si>
    <t>6) Dotation au compte de correction de valeur pour pertes sur créances à l’égard de certains actifs financiers – des prêts, des acceptations et des expositions hors bilan.</t>
  </si>
  <si>
    <r>
      <t xml:space="preserve">Antilles et Amérique centrale </t>
    </r>
    <r>
      <rPr>
        <i/>
        <sz val="11"/>
        <color rgb="FFFF0000"/>
        <rFont val="Scotia"/>
        <family val="2"/>
      </rPr>
      <t>(en millions de dollars)</t>
    </r>
  </si>
  <si>
    <r>
      <t>Dotation au compte de correction de valeur pour pertes sur créances (DCCVPC) en pourcentage de la moyenne du montant net des prêts et des acceptations</t>
    </r>
    <r>
      <rPr>
        <vertAlign val="superscript"/>
        <sz val="11"/>
        <color rgb="FF000000"/>
        <rFont val="Scotia"/>
        <family val="2"/>
      </rPr>
      <t>5)</t>
    </r>
  </si>
  <si>
    <r>
      <t>DCCVPC au titre des prêts douteux en pourcentage de la moyenne du montant net des prêts et des acceptations</t>
    </r>
    <r>
      <rPr>
        <vertAlign val="superscript"/>
        <sz val="11"/>
        <color rgb="FF000000"/>
        <rFont val="Scotia"/>
        <family val="2"/>
      </rPr>
      <t>5)</t>
    </r>
  </si>
  <si>
    <r>
      <t xml:space="preserve">Asie </t>
    </r>
    <r>
      <rPr>
        <i/>
        <sz val="11"/>
        <color rgb="FFFF0000"/>
        <rFont val="Scotia"/>
        <family val="2"/>
      </rPr>
      <t>(en millions de dollars)</t>
    </r>
  </si>
  <si>
    <r>
      <t>Bénéfice net avant impôt</t>
    </r>
    <r>
      <rPr>
        <vertAlign val="superscript"/>
        <sz val="11"/>
        <color rgb="FF000000"/>
        <rFont val="Scotia"/>
        <family val="2"/>
      </rPr>
      <t>6)</t>
    </r>
  </si>
  <si>
    <t>Revenus d’intérêts nets sur les actifs productifs principaux</t>
  </si>
  <si>
    <t>2) Se reporter aux mesures non conformes aux PCGR à la page 4 du rapport trimestriel aux actionnaires du deuxième trimestre de 2023, disponible à www.sedar.com, pour obtenir une description de cette mesure.</t>
  </si>
  <si>
    <r>
      <rPr>
        <sz val="7"/>
        <color rgb="FF000000"/>
        <rFont val="Scotia"/>
        <family val="2"/>
      </rPr>
      <t>3-4</t>
    </r>
  </si>
  <si>
    <r>
      <rPr>
        <sz val="7"/>
        <color rgb="FF000000"/>
        <rFont val="Scotia"/>
        <family val="2"/>
      </rPr>
      <t>21-24</t>
    </r>
  </si>
  <si>
    <r>
      <rPr>
        <sz val="7"/>
        <color rgb="FF000000"/>
        <rFont val="Scotia"/>
        <family val="2"/>
      </rPr>
      <t>18-19</t>
    </r>
  </si>
  <si>
    <r>
      <rPr>
        <sz val="7"/>
        <color rgb="FF000000"/>
        <rFont val="Scotia"/>
        <family val="2"/>
      </rPr>
      <t>6-7, 37, 38, 41-54, 62-65, 69, 81, 87</t>
    </r>
  </si>
  <si>
    <r>
      <rPr>
        <sz val="7"/>
        <color rgb="FF000000"/>
        <rFont val="Scotia"/>
        <family val="2"/>
      </rPr>
      <t>16-17, 37-55, 61-65, 69, 74-77</t>
    </r>
  </si>
  <si>
    <r>
      <rPr>
        <sz val="7"/>
        <color rgb="FF000000"/>
        <rFont val="Scotia"/>
        <family val="2"/>
      </rPr>
      <t>16-17, 37-55, 74-77</t>
    </r>
  </si>
  <si>
    <r>
      <rPr>
        <sz val="7"/>
        <color rgb="FF000000"/>
        <rFont val="Scotia"/>
        <family val="2"/>
      </rPr>
      <t>56, 68, 80</t>
    </r>
  </si>
  <si>
    <r>
      <rPr>
        <sz val="7"/>
        <color rgb="FF000000"/>
        <rFont val="Scotia"/>
        <family val="2"/>
      </rPr>
      <t>6-7, 37-38, 41-54, 62-65</t>
    </r>
  </si>
  <si>
    <r>
      <rPr>
        <sz val="7"/>
        <color rgb="FF000000"/>
        <rFont val="Scotia"/>
        <family val="2"/>
      </rPr>
      <t>34, 35</t>
    </r>
  </si>
  <si>
    <t>Pour de plus amples renseignements, veuillez communiquer avec les Relations avec les investisseurs de la Banque Scotia</t>
  </si>
  <si>
    <t>Exposition au risque transfrontière – pays choisis</t>
  </si>
  <si>
    <t>1. Dividende pour la relance du Canada : Pour le premier trimestre de 2023, la Banque a comptabilisé une charge d’impôt sur le résultat supplémentaire de 579 millions de dollars qui reflète la valeur actualisée du montant à payer au titre du dividende pour la relance du Canada (le « DRC »). Le DRC est une mesure fiscale du gouvernement du Canada selon laquelle la Banque doit payer un impôt ponctuel de 15 % sur le revenu imposable supérieur à 1 milliard de dollars, sur la base du revenu imposable moyen des années d’imposition 2020 et 2021. Le montant doit être payé en montants égaux sur une période de cinq ans, mais la valeur actualisée de ces paiements doit être comptabilisée à titre de passif pour le trimestre visé. La charge a été comptabilisée dans le secteur d’exploitation Autres.</t>
  </si>
  <si>
    <r>
      <t>Charge (recouvrement) d’impôt sur le résultat (BMEF)</t>
    </r>
    <r>
      <rPr>
        <vertAlign val="superscript"/>
        <sz val="11"/>
        <color theme="1"/>
        <rFont val="Scotia"/>
        <family val="2"/>
      </rPr>
      <t>2)</t>
    </r>
  </si>
  <si>
    <t>Variations des prêts douteux bruts par secteurs d’activité</t>
  </si>
  <si>
    <t>• Variations des prêts douteux bruts par secteurs d’activité</t>
  </si>
  <si>
    <t>• Prêts et acceptations par catégories d’emprunteurs</t>
  </si>
  <si>
    <t>• Dotation au compte de correction de valeur pour pertes sur créances (DCCVPC) par secteurs d’activité</t>
  </si>
  <si>
    <t>• Dotation au compte de correction de valeur pour pertes sur créances (DCCVPC) par catégories d’emprunteurs</t>
  </si>
  <si>
    <r>
      <t xml:space="preserve">2) La Banque analyse les revenus de ses principaux secteurs d’activité sur une base de mise en équivalence fiscale (la « BMEF »). L’élimination de la majoration au titre de la BMEF est inscrite dans le secteur Autres. Les résultats consolidés de la Banque ne sont pas présentés selon la BMEF. </t>
    </r>
    <r>
      <rPr>
        <sz val="9"/>
        <rFont val="Scotia"/>
        <family val="2"/>
      </rPr>
      <t xml:space="preserve">Veulliez consulter le rapport de gestion pour obtenir des détails sur la méthode de calcul de la BMEF.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4">
    <numFmt numFmtId="164" formatCode="_(* #,##0_);_(* \(#,##0\);_(* &quot;-&quot;_);_(@_)"/>
    <numFmt numFmtId="165" formatCode="_(* #,##0.00_);_(* \(#,##0.00\);_(* &quot;-&quot;??_);_(@_)"/>
    <numFmt numFmtId="166" formatCode="* 0_);_(* \(0\);_(* &quot;-&quot;_);_(@_)"/>
    <numFmt numFmtId="167" formatCode="mmmm\ d\,\ yyyy"/>
    <numFmt numFmtId="168" formatCode="_(* #,##0_);_(* \(#,##0\);_(* &quot;-&quot;_);_(* @_)"/>
    <numFmt numFmtId="169" formatCode="_(* #,##0.00_);_(* \(#,##0.00\);_(* &quot;-&quot;_);_(* @_)"/>
    <numFmt numFmtId="170" formatCode="* 0_);_(* \(0\);_(* &quot;-&quot;_);_(* @_)"/>
    <numFmt numFmtId="171" formatCode="_(* #,##0.0_);_(* \(#,##0.0\);_(* &quot;-&quot;_);_(* @_)"/>
    <numFmt numFmtId="172" formatCode="_(* #,##0.0_);_(* \(#,##0.0\);_(* &quot;-&quot;_);_(@_)"/>
    <numFmt numFmtId="173" formatCode="_(* #,##0.00_);_(* \(#,##0.00\);_(* &quot;-&quot;_);_(@_)"/>
    <numFmt numFmtId="174" formatCode="#,##0;\(#,##0\);* &quot;-&quot;;@"/>
    <numFmt numFmtId="175" formatCode="#,##0.00;\(#,##0.00\);* &quot;-&quot;;@"/>
    <numFmt numFmtId="176" formatCode="_(* #,##0_);_(* \(#,##0\);_(* &quot;-&quot;??_);_(@_)"/>
    <numFmt numFmtId="177" formatCode="#,##0,,;\(#,##0,,\);* &quot;-&quot;;@"/>
    <numFmt numFmtId="178" formatCode="_(* 0_);_(* \(0\);_(* &quot;-&quot;_);* @_)"/>
    <numFmt numFmtId="179" formatCode="* #,##0_);_(* \(#,##0\);_(* &quot;-&quot;_);_(* @_)"/>
    <numFmt numFmtId="180" formatCode="* #,##0_);_(* \(#,##0\);_(* &quot;-&quot;??_);_(@_)"/>
    <numFmt numFmtId="181" formatCode="#,##0.0,,,;\(#,##0.0,,,\);* &quot;-&quot;;@"/>
    <numFmt numFmtId="182" formatCode="* #,##0_);_(* \(#,##0\);_(* &quot;-&quot;_);_(@_)"/>
    <numFmt numFmtId="183" formatCode="#,##0;\-#,##0;* &quot;-&quot;;@"/>
    <numFmt numFmtId="184" formatCode="[&lt;=9999999]###\-####;###\-###\-####"/>
    <numFmt numFmtId="185" formatCode="_(* #,##0.00_);_(* \(#,##0.0\);_(* &quot;-&quot;_);_(@_)"/>
    <numFmt numFmtId="186" formatCode="0.0__%"/>
    <numFmt numFmtId="187" formatCode="0__%"/>
  </numFmts>
  <fonts count="73" x14ac:knownFonts="1">
    <font>
      <sz val="11"/>
      <color theme="1"/>
      <name val="Calibri"/>
      <family val="2"/>
      <scheme val="minor"/>
    </font>
    <font>
      <sz val="10"/>
      <color theme="1"/>
      <name val="Arial"/>
      <family val="2"/>
    </font>
    <font>
      <b/>
      <sz val="11"/>
      <color theme="1"/>
      <name val="Calibri"/>
      <family val="2"/>
      <scheme val="minor"/>
    </font>
    <font>
      <b/>
      <sz val="9"/>
      <color theme="1"/>
      <name val="Scotia"/>
      <family val="2"/>
    </font>
    <font>
      <sz val="9"/>
      <color theme="1"/>
      <name val="Courier New"/>
      <family val="3"/>
    </font>
    <font>
      <i/>
      <sz val="9"/>
      <color rgb="FF0070C0"/>
      <name val="Courier New"/>
      <family val="3"/>
    </font>
    <font>
      <sz val="11"/>
      <color theme="1"/>
      <name val="Scotia"/>
      <family val="2"/>
    </font>
    <font>
      <sz val="60"/>
      <color rgb="FFEC101A"/>
      <name val="Scotia Headline"/>
      <family val="2"/>
    </font>
    <font>
      <sz val="48"/>
      <color rgb="FFEC101A"/>
      <name val="Scotia Headline"/>
      <family val="2"/>
    </font>
    <font>
      <sz val="36"/>
      <color rgb="FF000000"/>
      <name val="Scotia Headline"/>
      <family val="2"/>
    </font>
    <font>
      <sz val="18"/>
      <color rgb="FF000000"/>
      <name val="Scotia Headline"/>
      <family val="2"/>
    </font>
    <font>
      <sz val="12"/>
      <color rgb="FF000000"/>
      <name val="Scotia"/>
      <family val="2"/>
    </font>
    <font>
      <b/>
      <sz val="18"/>
      <color rgb="FF000000"/>
      <name val="Scotia Headline"/>
      <family val="2"/>
    </font>
    <font>
      <u/>
      <sz val="11"/>
      <color theme="10"/>
      <name val="Calibri"/>
      <family val="2"/>
      <scheme val="minor"/>
    </font>
    <font>
      <u/>
      <sz val="12"/>
      <color theme="10"/>
      <name val="Scotia"/>
      <family val="2"/>
    </font>
    <font>
      <b/>
      <sz val="11"/>
      <color theme="0"/>
      <name val="Scotia"/>
      <family val="2"/>
    </font>
    <font>
      <b/>
      <sz val="9"/>
      <color theme="0"/>
      <name val="Scotia"/>
      <family val="2"/>
    </font>
    <font>
      <b/>
      <sz val="11"/>
      <color rgb="FFFF0000"/>
      <name val="Scotia"/>
      <family val="2"/>
    </font>
    <font>
      <sz val="11"/>
      <color rgb="FF0000FF"/>
      <name val="Scotia"/>
      <family val="2"/>
    </font>
    <font>
      <sz val="11"/>
      <name val="Scotia"/>
      <family val="2"/>
    </font>
    <font>
      <b/>
      <sz val="11"/>
      <name val="Scotia"/>
      <family val="2"/>
    </font>
    <font>
      <sz val="11"/>
      <color theme="0"/>
      <name val="Scotia"/>
      <family val="2"/>
    </font>
    <font>
      <sz val="11"/>
      <color theme="10"/>
      <name val="Scotia"/>
      <family val="2"/>
    </font>
    <font>
      <sz val="9"/>
      <color theme="1"/>
      <name val="Scotia"/>
      <family val="2"/>
    </font>
    <font>
      <b/>
      <sz val="14"/>
      <color theme="0"/>
      <name val="Scotia"/>
      <family val="2"/>
    </font>
    <font>
      <b/>
      <sz val="14"/>
      <color rgb="FFFFFFFF"/>
      <name val="Scotia"/>
      <family val="2"/>
    </font>
    <font>
      <b/>
      <sz val="11"/>
      <color rgb="FF000000"/>
      <name val="Scotia"/>
      <family val="2"/>
    </font>
    <font>
      <sz val="11"/>
      <color rgb="FF000000"/>
      <name val="Scotia"/>
      <family val="2"/>
    </font>
    <font>
      <b/>
      <sz val="9"/>
      <name val="Scotia"/>
      <family val="2"/>
    </font>
    <font>
      <b/>
      <sz val="9"/>
      <color rgb="FF000000"/>
      <name val="Scotia"/>
      <family val="2"/>
    </font>
    <font>
      <sz val="9"/>
      <color rgb="FF000000"/>
      <name val="Scotia"/>
      <family val="2"/>
    </font>
    <font>
      <i/>
      <sz val="9"/>
      <color rgb="FFFF0000"/>
      <name val="Scotia"/>
      <family val="2"/>
    </font>
    <font>
      <b/>
      <sz val="9"/>
      <color rgb="FFFF0000"/>
      <name val="Scotia"/>
      <family val="2"/>
    </font>
    <font>
      <b/>
      <sz val="6"/>
      <color theme="1"/>
      <name val="Scotia"/>
      <family val="2"/>
    </font>
    <font>
      <sz val="6"/>
      <color theme="1"/>
      <name val="Scotia"/>
      <family val="2"/>
    </font>
    <font>
      <sz val="7"/>
      <color theme="1"/>
      <name val="Scotia"/>
      <family val="2"/>
    </font>
    <font>
      <sz val="7"/>
      <color rgb="FF000000"/>
      <name val="Scotia"/>
      <family val="2"/>
    </font>
    <font>
      <sz val="10"/>
      <color rgb="FF000000"/>
      <name val="Times New Roman"/>
      <family val="1"/>
    </font>
    <font>
      <sz val="9"/>
      <name val="Scotia"/>
      <family val="2"/>
    </font>
    <font>
      <sz val="9"/>
      <color rgb="FF231F20"/>
      <name val="Scotia"/>
      <family val="2"/>
    </font>
    <font>
      <b/>
      <sz val="9"/>
      <color rgb="FF231F20"/>
      <name val="Scotia"/>
      <family val="2"/>
    </font>
    <font>
      <b/>
      <sz val="7"/>
      <color theme="1"/>
      <name val="Scotia"/>
      <family val="2"/>
    </font>
    <font>
      <b/>
      <sz val="7"/>
      <color rgb="FF000000"/>
      <name val="Scotia"/>
      <family val="2"/>
    </font>
    <font>
      <b/>
      <sz val="11"/>
      <color theme="1"/>
      <name val="Scotia"/>
      <family val="2"/>
    </font>
    <font>
      <i/>
      <sz val="11"/>
      <color rgb="FFFF0000"/>
      <name val="Scotia"/>
      <family val="2"/>
    </font>
    <font>
      <sz val="6"/>
      <color rgb="FF000000"/>
      <name val="Scotia"/>
      <family val="2"/>
    </font>
    <font>
      <sz val="7"/>
      <name val="Scotia"/>
      <family val="2"/>
    </font>
    <font>
      <b/>
      <i/>
      <sz val="11"/>
      <color rgb="FFFF0000"/>
      <name val="Scotia"/>
      <family val="2"/>
    </font>
    <font>
      <sz val="14"/>
      <color rgb="FF000000"/>
      <name val="Calibri"/>
      <family val="2"/>
      <scheme val="minor"/>
    </font>
    <font>
      <sz val="10"/>
      <color rgb="FF000000"/>
      <name val="Arial"/>
      <family val="2"/>
    </font>
    <font>
      <b/>
      <sz val="6"/>
      <color rgb="FF000000"/>
      <name val="Scotia"/>
      <family val="2"/>
    </font>
    <font>
      <sz val="11"/>
      <color rgb="FFFF0000"/>
      <name val="Scotia"/>
      <family val="2"/>
    </font>
    <font>
      <sz val="6"/>
      <name val="Scotia"/>
      <family val="2"/>
    </font>
    <font>
      <b/>
      <sz val="6"/>
      <name val="Scotia"/>
      <family val="2"/>
    </font>
    <font>
      <b/>
      <sz val="7"/>
      <name val="Scotia"/>
      <family val="2"/>
    </font>
    <font>
      <b/>
      <sz val="10"/>
      <color rgb="FFFF0000"/>
      <name val="Scotia"/>
      <family val="2"/>
    </font>
    <font>
      <b/>
      <sz val="10"/>
      <color theme="1"/>
      <name val="Scotia"/>
      <family val="2"/>
    </font>
    <font>
      <sz val="10"/>
      <color theme="1"/>
      <name val="Scotia"/>
      <family val="2"/>
    </font>
    <font>
      <u/>
      <sz val="11"/>
      <color theme="1"/>
      <name val="Scotia"/>
      <family val="2"/>
    </font>
    <font>
      <sz val="6"/>
      <color theme="1"/>
      <name val="Calibri"/>
      <family val="2"/>
      <scheme val="minor"/>
    </font>
    <font>
      <sz val="10"/>
      <name val="Arial"/>
      <family val="2"/>
    </font>
    <font>
      <sz val="11"/>
      <color theme="1"/>
      <name val="Calibri"/>
      <family val="2"/>
      <scheme val="minor"/>
    </font>
    <font>
      <b/>
      <vertAlign val="superscript"/>
      <sz val="9"/>
      <color theme="1"/>
      <name val="Scotia"/>
      <family val="2"/>
    </font>
    <font>
      <vertAlign val="superscript"/>
      <sz val="11"/>
      <color theme="1"/>
      <name val="Scotia"/>
      <family val="2"/>
    </font>
    <font>
      <b/>
      <vertAlign val="superscript"/>
      <sz val="11"/>
      <color theme="1"/>
      <name val="Scotia"/>
      <family val="2"/>
    </font>
    <font>
      <vertAlign val="superscript"/>
      <sz val="11"/>
      <name val="Scotia"/>
      <family val="2"/>
    </font>
    <font>
      <vertAlign val="superscript"/>
      <sz val="11"/>
      <color rgb="FF000000"/>
      <name val="Scotia"/>
      <family val="2"/>
    </font>
    <font>
      <b/>
      <vertAlign val="superscript"/>
      <sz val="11"/>
      <color rgb="FF000000"/>
      <name val="Scotia"/>
      <family val="2"/>
    </font>
    <font>
      <b/>
      <vertAlign val="superscript"/>
      <sz val="11"/>
      <color rgb="FFFF0000"/>
      <name val="Scotia"/>
      <family val="2"/>
    </font>
    <font>
      <b/>
      <vertAlign val="superscript"/>
      <sz val="11"/>
      <name val="Scotia"/>
      <family val="2"/>
    </font>
    <font>
      <b/>
      <vertAlign val="superscript"/>
      <sz val="14"/>
      <color theme="0"/>
      <name val="Scotia"/>
      <family val="2"/>
    </font>
    <font>
      <b/>
      <vertAlign val="superscript"/>
      <sz val="14"/>
      <color rgb="FFFFFFFF"/>
      <name val="Scotia"/>
      <family val="2"/>
    </font>
    <font>
      <i/>
      <vertAlign val="superscript"/>
      <sz val="11"/>
      <color rgb="FFFF0000"/>
      <name val="Scotia"/>
      <family val="2"/>
    </font>
  </fonts>
  <fills count="40">
    <fill>
      <patternFill patternType="none"/>
    </fill>
    <fill>
      <patternFill patternType="gray125"/>
    </fill>
    <fill>
      <patternFill patternType="solid">
        <fgColor rgb="FFFF0000"/>
        <bgColor indexed="64"/>
      </patternFill>
    </fill>
    <fill>
      <patternFill patternType="solid">
        <fgColor theme="0" tint="-4.4618060853907897E-2"/>
        <bgColor indexed="64"/>
      </patternFill>
    </fill>
    <fill>
      <patternFill patternType="solid">
        <fgColor rgb="FFFFFFFF"/>
        <bgColor indexed="64"/>
      </patternFill>
    </fill>
    <fill>
      <patternFill patternType="solid">
        <fgColor theme="0" tint="-3.012176885280923E-2"/>
        <bgColor indexed="64"/>
      </patternFill>
    </fill>
    <fill>
      <patternFill patternType="solid">
        <fgColor theme="0" tint="-3.6591692861720634E-2"/>
        <bgColor indexed="64"/>
      </patternFill>
    </fill>
    <fill>
      <patternFill patternType="solid">
        <fgColor rgb="FFF6F6F6"/>
        <bgColor indexed="64"/>
      </patternFill>
    </fill>
    <fill>
      <patternFill patternType="solid">
        <fgColor rgb="FFF4F4F4"/>
        <bgColor indexed="64"/>
      </patternFill>
    </fill>
    <fill>
      <patternFill patternType="solid">
        <fgColor theme="0" tint="-3.8300729392376477E-2"/>
        <bgColor indexed="64"/>
      </patternFill>
    </fill>
    <fill>
      <patternFill patternType="solid">
        <fgColor theme="0" tint="-4.791405987731559E-2"/>
        <bgColor indexed="64"/>
      </patternFill>
    </fill>
    <fill>
      <patternFill patternType="solid">
        <fgColor theme="0" tint="-3.8636432996612444E-2"/>
        <bgColor indexed="64"/>
      </patternFill>
    </fill>
    <fill>
      <patternFill patternType="solid">
        <fgColor theme="0" tint="-4.3519394512771994E-2"/>
        <bgColor indexed="64"/>
      </patternFill>
    </fill>
    <fill>
      <patternFill patternType="solid">
        <fgColor theme="0" tint="-4.3458357493820002E-2"/>
        <bgColor indexed="64"/>
      </patternFill>
    </fill>
    <fill>
      <patternFill patternType="solid">
        <fgColor theme="0" tint="-4.2451246681112095E-2"/>
        <bgColor indexed="64"/>
      </patternFill>
    </fill>
    <fill>
      <patternFill patternType="solid">
        <fgColor theme="0" tint="-4.3794061098055968E-2"/>
        <bgColor indexed="64"/>
      </patternFill>
    </fill>
    <fill>
      <patternFill patternType="solid">
        <fgColor theme="0" tint="-4.4923245948667867E-2"/>
        <bgColor indexed="64"/>
      </patternFill>
    </fill>
    <fill>
      <patternFill patternType="solid">
        <fgColor theme="0" tint="-4.3336283455916016E-2"/>
        <bgColor indexed="64"/>
      </patternFill>
    </fill>
    <fill>
      <patternFill patternType="solid">
        <fgColor theme="0" tint="-4.6876430555131687E-2"/>
        <bgColor indexed="64"/>
      </patternFill>
    </fill>
    <fill>
      <patternFill patternType="solid">
        <fgColor theme="0" tint="-4.5838801232947785E-2"/>
        <bgColor indexed="64"/>
      </patternFill>
    </fill>
    <fill>
      <patternFill patternType="solid">
        <fgColor theme="0" tint="-4.6693319498275702E-2"/>
        <bgColor indexed="64"/>
      </patternFill>
    </fill>
    <fill>
      <patternFill patternType="solid">
        <fgColor theme="0" tint="-4.7029023102511676E-2"/>
        <bgColor indexed="64"/>
      </patternFill>
    </fill>
    <fill>
      <patternFill patternType="solid">
        <fgColor theme="0" tint="-4.7242652668843657E-2"/>
        <bgColor indexed="64"/>
      </patternFill>
    </fill>
    <fill>
      <patternFill patternType="solid">
        <fgColor theme="0" tint="-4.6510208441419724E-2"/>
        <bgColor indexed="64"/>
      </patternFill>
    </fill>
    <fill>
      <patternFill patternType="solid">
        <fgColor theme="0" tint="-2.9999694814905241E-2"/>
        <bgColor indexed="64"/>
      </patternFill>
    </fill>
    <fill>
      <patternFill patternType="solid">
        <fgColor theme="0" tint="-3.2593768120365005E-2"/>
        <bgColor indexed="64"/>
      </patternFill>
    </fill>
    <fill>
      <patternFill patternType="solid">
        <fgColor theme="0" tint="-3.6561174352244638E-2"/>
        <bgColor indexed="64"/>
      </patternFill>
    </fill>
    <fill>
      <patternFill patternType="solid">
        <fgColor theme="0" tint="-3.8911099581896418E-2"/>
        <bgColor indexed="64"/>
      </patternFill>
    </fill>
    <fill>
      <patternFill patternType="solid">
        <fgColor theme="0" tint="-4.5564134647663811E-2"/>
        <bgColor indexed="64"/>
      </patternFill>
    </fill>
    <fill>
      <patternFill patternType="solid">
        <fgColor theme="0" tint="-4.4312875759147927E-2"/>
        <bgColor indexed="64"/>
      </patternFill>
    </fill>
    <fill>
      <patternFill patternType="solid">
        <fgColor rgb="FFF3F3F3"/>
        <bgColor indexed="64"/>
      </patternFill>
    </fill>
    <fill>
      <patternFill patternType="solid">
        <fgColor theme="0" tint="-2.6520584734641559E-2"/>
        <bgColor indexed="64"/>
      </patternFill>
    </fill>
    <fill>
      <patternFill patternType="solid">
        <fgColor theme="0" tint="-3.436384166997284E-2"/>
        <bgColor indexed="64"/>
      </patternFill>
    </fill>
    <fill>
      <patternFill patternType="solid">
        <fgColor theme="0" tint="-4.7700430310983609E-2"/>
        <bgColor indexed="64"/>
      </patternFill>
    </fill>
    <fill>
      <patternFill patternType="solid">
        <fgColor theme="0" tint="-4.4648579363383893E-2"/>
        <bgColor indexed="64"/>
      </patternFill>
    </fill>
    <fill>
      <patternFill patternType="solid">
        <fgColor theme="0" tint="-3.8331247901852473E-2"/>
        <bgColor indexed="64"/>
      </patternFill>
    </fill>
    <fill>
      <patternFill patternType="solid">
        <fgColor theme="0" tint="-4.0223395489364301E-2"/>
        <bgColor indexed="64"/>
      </patternFill>
    </fill>
    <fill>
      <patternFill patternType="solid">
        <fgColor theme="0" tint="-4.632709738456374E-2"/>
        <bgColor indexed="64"/>
      </patternFill>
    </fill>
    <fill>
      <patternFill patternType="solid">
        <fgColor theme="0" tint="-4.7151097140415661E-2"/>
        <bgColor indexed="64"/>
      </patternFill>
    </fill>
    <fill>
      <patternFill patternType="solid">
        <fgColor theme="0" tint="-4.5869319742423781E-2"/>
        <bgColor indexed="64"/>
      </patternFill>
    </fill>
  </fills>
  <borders count="993">
    <border>
      <left/>
      <right/>
      <top/>
      <bottom/>
      <diagonal/>
    </border>
    <border>
      <left/>
      <right/>
      <top/>
      <bottom style="thin">
        <color theme="0" tint="-4.5686208685567796E-2"/>
      </bottom>
      <diagonal/>
    </border>
    <border>
      <left/>
      <right/>
      <top style="thin">
        <color theme="0" tint="-4.5686208685567796E-2"/>
      </top>
      <bottom style="thin">
        <color theme="0" tint="-4.5686208685567796E-2"/>
      </bottom>
      <diagonal/>
    </border>
    <border>
      <left/>
      <right style="thin">
        <color theme="0" tint="-0.14624469740897855"/>
      </right>
      <top style="thin">
        <color theme="0" tint="-0.14627521591845455"/>
      </top>
      <bottom style="thin">
        <color theme="0" tint="-0.14627521591845455"/>
      </bottom>
      <diagonal/>
    </border>
    <border>
      <left/>
      <right/>
      <top style="thin">
        <color theme="0" tint="-0.14627521591845455"/>
      </top>
      <bottom style="thin">
        <color theme="0" tint="-0.14627521591845455"/>
      </bottom>
      <diagonal/>
    </border>
    <border>
      <left/>
      <right style="thin">
        <color theme="0" tint="-0.14627521591845455"/>
      </right>
      <top style="thin">
        <color theme="0" tint="-0.14627521591845455"/>
      </top>
      <bottom style="thin">
        <color theme="0" tint="-0.14627521591845455"/>
      </bottom>
      <diagonal/>
    </border>
    <border>
      <left style="thin">
        <color theme="0" tint="-0.14627521591845455"/>
      </left>
      <right/>
      <top style="thin">
        <color theme="0" tint="-0.14627521591845455"/>
      </top>
      <bottom style="thin">
        <color theme="0" tint="-0.14627521591845455"/>
      </bottom>
      <diagonal/>
    </border>
    <border>
      <left/>
      <right style="thin">
        <color theme="0" tint="-0.14624469740897855"/>
      </right>
      <top style="thin">
        <color theme="0" tint="-0.14627521591845455"/>
      </top>
      <bottom style="thin">
        <color theme="0" tint="-4.6296578875087743E-2"/>
      </bottom>
      <diagonal/>
    </border>
    <border>
      <left/>
      <right/>
      <top style="thin">
        <color theme="0" tint="-0.14627521591845455"/>
      </top>
      <bottom style="thin">
        <color theme="0" tint="-4.6296578875087743E-2"/>
      </bottom>
      <diagonal/>
    </border>
    <border>
      <left/>
      <right style="thin">
        <color theme="0" tint="-0.14627521591845455"/>
      </right>
      <top style="thin">
        <color theme="0" tint="-0.14627521591845455"/>
      </top>
      <bottom style="thin">
        <color theme="0" tint="-4.6296578875087743E-2"/>
      </bottom>
      <diagonal/>
    </border>
    <border>
      <left style="thin">
        <color theme="0" tint="-0.14627521591845455"/>
      </left>
      <right/>
      <top style="thin">
        <color theme="0" tint="-0.14627521591845455"/>
      </top>
      <bottom style="thin">
        <color theme="0" tint="-4.6296578875087743E-2"/>
      </bottom>
      <diagonal/>
    </border>
    <border>
      <left/>
      <right style="thin">
        <color theme="0" tint="-0.14624469740897855"/>
      </right>
      <top style="thin">
        <color theme="0" tint="-4.6296578875087743E-2"/>
      </top>
      <bottom style="thin">
        <color theme="0" tint="-4.6296578875087743E-2"/>
      </bottom>
      <diagonal/>
    </border>
    <border>
      <left/>
      <right style="thin">
        <color theme="0" tint="-0.14624469740897855"/>
      </right>
      <top style="thin">
        <color theme="0" tint="-4.6296578875087743E-2"/>
      </top>
      <bottom style="thin">
        <color theme="0" tint="-0.14627521591845455"/>
      </bottom>
      <diagonal/>
    </border>
    <border>
      <left/>
      <right/>
      <top style="thin">
        <color rgb="FFDADADA"/>
      </top>
      <bottom/>
      <diagonal/>
    </border>
    <border>
      <left/>
      <right style="thin">
        <color rgb="FFDADADA"/>
      </right>
      <top style="thin">
        <color rgb="FFDADADA"/>
      </top>
      <bottom style="thin">
        <color rgb="FFDADADA"/>
      </bottom>
      <diagonal/>
    </border>
    <border>
      <left style="thin">
        <color rgb="FFDADADA"/>
      </left>
      <right style="thin">
        <color rgb="FFDADADA"/>
      </right>
      <top style="thin">
        <color rgb="FFDADADA"/>
      </top>
      <bottom style="thin">
        <color rgb="FFDADADA"/>
      </bottom>
      <diagonal/>
    </border>
    <border>
      <left style="thin">
        <color rgb="FFDADADA"/>
      </left>
      <right/>
      <top style="thin">
        <color rgb="FFDADADA"/>
      </top>
      <bottom style="thin">
        <color rgb="FFDADADA"/>
      </bottom>
      <diagonal/>
    </border>
    <border>
      <left style="thin">
        <color theme="0" tint="-0.14627521591845455"/>
      </left>
      <right style="thin">
        <color theme="0" tint="-0.14627521591845455"/>
      </right>
      <top style="thin">
        <color theme="0" tint="-0.14627521591845455"/>
      </top>
      <bottom style="thin">
        <color theme="0" tint="-0.14627521591845455"/>
      </bottom>
      <diagonal/>
    </border>
    <border>
      <left/>
      <right style="thin">
        <color rgb="FFDADADA"/>
      </right>
      <top style="thin">
        <color rgb="FFDADADA"/>
      </top>
      <bottom style="thin">
        <color rgb="FFF3F3F3"/>
      </bottom>
      <diagonal/>
    </border>
    <border>
      <left style="thin">
        <color rgb="FFDADADA"/>
      </left>
      <right style="thin">
        <color rgb="FFDADADA"/>
      </right>
      <top style="thin">
        <color rgb="FFDADADA"/>
      </top>
      <bottom/>
      <diagonal/>
    </border>
    <border>
      <left/>
      <right style="thin">
        <color rgb="FFDADADA"/>
      </right>
      <top style="thin">
        <color rgb="FFF3F3F3"/>
      </top>
      <bottom style="thin">
        <color rgb="FFF3F3F3"/>
      </bottom>
      <diagonal/>
    </border>
    <border>
      <left style="thin">
        <color rgb="FFDADADA"/>
      </left>
      <right style="thin">
        <color rgb="FFDADADA"/>
      </right>
      <top/>
      <bottom/>
      <diagonal/>
    </border>
    <border>
      <left style="thin">
        <color rgb="FFDADADA"/>
      </left>
      <right style="thin">
        <color rgb="FFDADADA"/>
      </right>
      <top/>
      <bottom style="thin">
        <color rgb="FFF3F3F3"/>
      </bottom>
      <diagonal/>
    </border>
    <border>
      <left style="thin">
        <color rgb="FFDADADA"/>
      </left>
      <right/>
      <top/>
      <bottom/>
      <diagonal/>
    </border>
    <border>
      <left style="thin">
        <color rgb="FFDADADA"/>
      </left>
      <right style="thin">
        <color rgb="FFDADADA"/>
      </right>
      <top style="thin">
        <color rgb="FFF3F3F3"/>
      </top>
      <bottom style="thin">
        <color rgb="FFF3F3F3"/>
      </bottom>
      <diagonal/>
    </border>
    <border>
      <left/>
      <right style="thin">
        <color rgb="FFDADADA"/>
      </right>
      <top style="thin">
        <color rgb="FFF3F3F3"/>
      </top>
      <bottom style="thin">
        <color rgb="FFDADADA"/>
      </bottom>
      <diagonal/>
    </border>
    <border>
      <left style="thin">
        <color rgb="FFDADADA"/>
      </left>
      <right style="thin">
        <color rgb="FFDADADA"/>
      </right>
      <top/>
      <bottom style="thin">
        <color rgb="FFDADADA"/>
      </bottom>
      <diagonal/>
    </border>
    <border>
      <left style="thin">
        <color rgb="FFDADADA"/>
      </left>
      <right/>
      <top/>
      <bottom style="thin">
        <color rgb="FFDADADA"/>
      </bottom>
      <diagonal/>
    </border>
    <border>
      <left style="thin">
        <color rgb="FFDADADA"/>
      </left>
      <right/>
      <top style="thin">
        <color rgb="FFDADADA"/>
      </top>
      <bottom/>
      <diagonal/>
    </border>
    <border>
      <left/>
      <right style="thin">
        <color rgb="FFD9D9D9"/>
      </right>
      <top style="thin">
        <color rgb="FFD9D9D9"/>
      </top>
      <bottom style="thin">
        <color rgb="FFD9D9D9"/>
      </bottom>
      <diagonal/>
    </border>
    <border>
      <left style="thin">
        <color theme="0" tint="-0.14886928922391429"/>
      </left>
      <right style="thin">
        <color theme="0" tint="-0.14886928922391429"/>
      </right>
      <top style="thin">
        <color theme="0" tint="-0.1488387707144383"/>
      </top>
      <bottom style="thin">
        <color theme="0" tint="-0.1488387707144383"/>
      </bottom>
      <diagonal/>
    </border>
    <border>
      <left style="thin">
        <color rgb="FFD9D9D9"/>
      </left>
      <right style="thin">
        <color rgb="FFD9D9D9"/>
      </right>
      <top style="thin">
        <color rgb="FFD9D9D9"/>
      </top>
      <bottom style="thin">
        <color rgb="FFD9D9D9"/>
      </bottom>
      <diagonal/>
    </border>
    <border>
      <left style="thin">
        <color rgb="FFD9D9D9"/>
      </left>
      <right style="thin">
        <color rgb="FFF3F3F3"/>
      </right>
      <top style="thin">
        <color rgb="FFD9D9D9"/>
      </top>
      <bottom style="thin">
        <color rgb="FFD9D9D9"/>
      </bottom>
      <diagonal/>
    </border>
    <border>
      <left style="thin">
        <color rgb="FFF3F3F3"/>
      </left>
      <right style="thin">
        <color rgb="FFD9D9D9"/>
      </right>
      <top style="thin">
        <color rgb="FFD9D9D9"/>
      </top>
      <bottom style="thin">
        <color rgb="FFD9D9D9"/>
      </bottom>
      <diagonal/>
    </border>
    <border>
      <left style="thin">
        <color theme="0" tint="-4.88906521805475E-2"/>
      </left>
      <right style="thin">
        <color theme="0" tint="-4.956205938901944E-2"/>
      </right>
      <top style="thin">
        <color theme="0" tint="-0.1488387707144383"/>
      </top>
      <bottom style="thin">
        <color theme="0" tint="-0.1488387707144383"/>
      </bottom>
      <diagonal/>
    </border>
    <border>
      <left/>
      <right style="thin">
        <color rgb="FFD9D9D9"/>
      </right>
      <top style="thin">
        <color rgb="FFD9D9D9"/>
      </top>
      <bottom/>
      <diagonal/>
    </border>
    <border>
      <left style="thin">
        <color theme="0" tint="-0.14886928922391429"/>
      </left>
      <right style="thin">
        <color theme="0" tint="-0.14886928922391429"/>
      </right>
      <top style="thin">
        <color theme="0" tint="-0.1488387707144383"/>
      </top>
      <bottom style="thin">
        <color theme="0" tint="-4.88906521805475E-2"/>
      </bottom>
      <diagonal/>
    </border>
    <border>
      <left style="thin">
        <color rgb="FFD9D9D9"/>
      </left>
      <right style="thin">
        <color rgb="FFD9D9D9"/>
      </right>
      <top style="thin">
        <color rgb="FFD9D9D9"/>
      </top>
      <bottom style="thin">
        <color rgb="FFF3F3F3"/>
      </bottom>
      <diagonal/>
    </border>
    <border>
      <left style="thin">
        <color rgb="FFD9D9D9"/>
      </left>
      <right style="thin">
        <color rgb="FFF3F3F3"/>
      </right>
      <top style="thin">
        <color rgb="FFD9D9D9"/>
      </top>
      <bottom style="thin">
        <color rgb="FFF3F3F3"/>
      </bottom>
      <diagonal/>
    </border>
    <border>
      <left style="thin">
        <color rgb="FFF3F3F3"/>
      </left>
      <right style="thin">
        <color rgb="FFD9D9D9"/>
      </right>
      <top style="thin">
        <color rgb="FFD9D9D9"/>
      </top>
      <bottom style="thin">
        <color rgb="FFF3F3F3"/>
      </bottom>
      <diagonal/>
    </border>
    <border>
      <left/>
      <right style="thin">
        <color rgb="FFD9D9D9"/>
      </right>
      <top/>
      <bottom/>
      <diagonal/>
    </border>
    <border>
      <left style="thin">
        <color theme="0" tint="-0.14886928922391429"/>
      </left>
      <right style="thin">
        <color theme="0" tint="-0.14886928922391429"/>
      </right>
      <top style="thin">
        <color theme="0" tint="-4.88906521805475E-2"/>
      </top>
      <bottom style="thin">
        <color theme="0" tint="-4.88906521805475E-2"/>
      </bottom>
      <diagonal/>
    </border>
    <border>
      <left style="thin">
        <color rgb="FFD9D9D9"/>
      </left>
      <right style="thin">
        <color rgb="FFD9D9D9"/>
      </right>
      <top style="thin">
        <color rgb="FFF3F3F3"/>
      </top>
      <bottom style="thin">
        <color rgb="FFF3F3F3"/>
      </bottom>
      <diagonal/>
    </border>
    <border>
      <left style="thin">
        <color rgb="FFD9D9D9"/>
      </left>
      <right style="thin">
        <color rgb="FFF3F3F3"/>
      </right>
      <top style="thin">
        <color rgb="FFF3F3F3"/>
      </top>
      <bottom style="thin">
        <color rgb="FFF3F3F3"/>
      </bottom>
      <diagonal/>
    </border>
    <border>
      <left style="thin">
        <color rgb="FFF3F3F3"/>
      </left>
      <right style="thin">
        <color rgb="FFD9D9D9"/>
      </right>
      <top style="thin">
        <color rgb="FFF3F3F3"/>
      </top>
      <bottom style="thin">
        <color rgb="FFF3F3F3"/>
      </bottom>
      <diagonal/>
    </border>
    <border>
      <left/>
      <right style="thin">
        <color rgb="FFD9D9D9"/>
      </right>
      <top/>
      <bottom style="thin">
        <color rgb="FFD9D9D9"/>
      </bottom>
      <diagonal/>
    </border>
    <border>
      <left style="thin">
        <color theme="0" tint="-0.14886928922391429"/>
      </left>
      <right style="thin">
        <color theme="0" tint="-0.14886928922391429"/>
      </right>
      <top style="thin">
        <color theme="0" tint="-4.88906521805475E-2"/>
      </top>
      <bottom style="thin">
        <color theme="0" tint="-0.1488387707144383"/>
      </bottom>
      <diagonal/>
    </border>
    <border>
      <left style="thin">
        <color rgb="FFD9D9D9"/>
      </left>
      <right style="thin">
        <color rgb="FFD9D9D9"/>
      </right>
      <top style="thin">
        <color rgb="FFF3F3F3"/>
      </top>
      <bottom style="thin">
        <color rgb="FFD9D9D9"/>
      </bottom>
      <diagonal/>
    </border>
    <border>
      <left style="thin">
        <color rgb="FFD9D9D9"/>
      </left>
      <right style="thin">
        <color rgb="FFF3F3F3"/>
      </right>
      <top style="thin">
        <color rgb="FFF3F3F3"/>
      </top>
      <bottom style="thin">
        <color rgb="FFD9D9D9"/>
      </bottom>
      <diagonal/>
    </border>
    <border>
      <left style="thin">
        <color rgb="FFF3F3F3"/>
      </left>
      <right style="thin">
        <color rgb="FFD9D9D9"/>
      </right>
      <top style="thin">
        <color rgb="FFF3F3F3"/>
      </top>
      <bottom style="thin">
        <color rgb="FFD9D9D9"/>
      </bottom>
      <diagonal/>
    </border>
    <border>
      <left/>
      <right style="thin">
        <color theme="0" tint="-0.14886928922391429"/>
      </right>
      <top/>
      <bottom style="thin">
        <color theme="0" tint="-0.14886928922391429"/>
      </bottom>
      <diagonal/>
    </border>
    <border>
      <left style="thin">
        <color rgb="FFD9D9D9"/>
      </left>
      <right style="thin">
        <color rgb="FFF2F2F2"/>
      </right>
      <top style="thin">
        <color rgb="FFD9D9D9"/>
      </top>
      <bottom style="thin">
        <color rgb="FFF2F2F2"/>
      </bottom>
      <diagonal/>
    </border>
    <border>
      <left style="thin">
        <color rgb="FFF2F2F2"/>
      </left>
      <right style="thin">
        <color rgb="FFD9D9D9"/>
      </right>
      <top style="thin">
        <color rgb="FFD9D9D9"/>
      </top>
      <bottom style="thin">
        <color rgb="FFF2F2F2"/>
      </bottom>
      <diagonal/>
    </border>
    <border>
      <left style="thin">
        <color rgb="FFD9D9D9"/>
      </left>
      <right style="thin">
        <color rgb="FFF2F2F2"/>
      </right>
      <top style="thin">
        <color rgb="FFF2F2F2"/>
      </top>
      <bottom style="thin">
        <color rgb="FFF2F2F2"/>
      </bottom>
      <diagonal/>
    </border>
    <border>
      <left style="thin">
        <color rgb="FFF2F2F2"/>
      </left>
      <right style="thin">
        <color rgb="FFD9D9D9"/>
      </right>
      <top style="thin">
        <color rgb="FFF2F2F2"/>
      </top>
      <bottom style="thin">
        <color rgb="FFF2F2F2"/>
      </bottom>
      <diagonal/>
    </border>
    <border>
      <left/>
      <right style="thin">
        <color theme="0" tint="-0.14886928922391429"/>
      </right>
      <top/>
      <bottom/>
      <diagonal/>
    </border>
    <border>
      <left style="thin">
        <color rgb="FFD9D9D9"/>
      </left>
      <right style="thin">
        <color rgb="FFF2F2F2"/>
      </right>
      <top style="thin">
        <color rgb="FFF2F2F2"/>
      </top>
      <bottom style="thin">
        <color rgb="FFD9D9D9"/>
      </bottom>
      <diagonal/>
    </border>
    <border>
      <left style="thin">
        <color rgb="FFF2F2F2"/>
      </left>
      <right style="thin">
        <color rgb="FFD9D9D9"/>
      </right>
      <top style="thin">
        <color rgb="FFF2F2F2"/>
      </top>
      <bottom style="thin">
        <color rgb="FFD9D9D9"/>
      </bottom>
      <diagonal/>
    </border>
    <border>
      <left/>
      <right style="thin">
        <color theme="0" tint="-0.14886928922391429"/>
      </right>
      <top style="thin">
        <color theme="0" tint="-0.14886928922391429"/>
      </top>
      <bottom/>
      <diagonal/>
    </border>
    <border>
      <left/>
      <right style="thin">
        <color theme="0" tint="-0.1400799584948271"/>
      </right>
      <top style="thin">
        <color theme="0" tint="-0.1401104770043031"/>
      </top>
      <bottom style="thin">
        <color theme="0" tint="-0.1401104770043031"/>
      </bottom>
      <diagonal/>
    </border>
    <border>
      <left/>
      <right/>
      <top style="thin">
        <color theme="0" tint="-0.1401104770043031"/>
      </top>
      <bottom style="thin">
        <color theme="0" tint="-0.1401104770043031"/>
      </bottom>
      <diagonal/>
    </border>
    <border>
      <left/>
      <right style="thin">
        <color theme="0" tint="-0.1401104770043031"/>
      </right>
      <top style="thin">
        <color theme="0" tint="-0.1401104770043031"/>
      </top>
      <bottom style="thin">
        <color theme="0" tint="-0.1401104770043031"/>
      </bottom>
      <diagonal/>
    </border>
    <border>
      <left style="thin">
        <color theme="0" tint="-0.1401104770043031"/>
      </left>
      <right/>
      <top style="thin">
        <color theme="0" tint="-0.1401104770043031"/>
      </top>
      <bottom style="thin">
        <color theme="0" tint="-0.1401104770043031"/>
      </bottom>
      <diagonal/>
    </border>
    <border>
      <left/>
      <right style="thin">
        <color theme="0" tint="-0.1400799584948271"/>
      </right>
      <top style="thin">
        <color theme="0" tint="-0.1401104770043031"/>
      </top>
      <bottom style="thin">
        <color theme="0" tint="-4.0131839960936305E-2"/>
      </bottom>
      <diagonal/>
    </border>
    <border>
      <left/>
      <right/>
      <top style="thin">
        <color theme="0" tint="-0.1401104770043031"/>
      </top>
      <bottom style="thin">
        <color theme="0" tint="-4.0131839960936305E-2"/>
      </bottom>
      <diagonal/>
    </border>
    <border>
      <left/>
      <right style="thin">
        <color theme="0" tint="-0.1401104770043031"/>
      </right>
      <top style="thin">
        <color theme="0" tint="-0.1401104770043031"/>
      </top>
      <bottom style="thin">
        <color theme="0" tint="-4.0131839960936305E-2"/>
      </bottom>
      <diagonal/>
    </border>
    <border>
      <left style="thin">
        <color theme="0" tint="-0.1401104770043031"/>
      </left>
      <right/>
      <top style="thin">
        <color theme="0" tint="-0.1401104770043031"/>
      </top>
      <bottom style="thin">
        <color theme="0" tint="-4.0131839960936305E-2"/>
      </bottom>
      <diagonal/>
    </border>
    <border>
      <left/>
      <right style="thin">
        <color theme="0" tint="-0.1400799584948271"/>
      </right>
      <top style="thin">
        <color theme="0" tint="-4.0131839960936305E-2"/>
      </top>
      <bottom style="thin">
        <color theme="0" tint="-4.0131839960936305E-2"/>
      </bottom>
      <diagonal/>
    </border>
    <border>
      <left/>
      <right/>
      <top style="thin">
        <color rgb="FFDBDBDB"/>
      </top>
      <bottom/>
      <diagonal/>
    </border>
    <border>
      <left/>
      <right style="thin">
        <color theme="0" tint="-0.1400799584948271"/>
      </right>
      <top style="thin">
        <color theme="0" tint="-4.0131839960936305E-2"/>
      </top>
      <bottom style="thin">
        <color theme="0" tint="-0.1401104770043031"/>
      </bottom>
      <diagonal/>
    </border>
    <border>
      <left style="thin">
        <color rgb="FFDBDBDB"/>
      </left>
      <right/>
      <top/>
      <bottom style="thin">
        <color rgb="FFDBDBDB"/>
      </bottom>
      <diagonal/>
    </border>
    <border>
      <left/>
      <right style="thin">
        <color rgb="FFDBDBDB"/>
      </right>
      <top/>
      <bottom style="thin">
        <color rgb="FFDBDBDB"/>
      </bottom>
      <diagonal/>
    </border>
    <border>
      <left/>
      <right/>
      <top/>
      <bottom style="thin">
        <color rgb="FFDBDBDB"/>
      </bottom>
      <diagonal/>
    </border>
    <border>
      <left style="thin">
        <color rgb="FFDBDBDB"/>
      </left>
      <right/>
      <top style="thin">
        <color rgb="FFDBDBDB"/>
      </top>
      <bottom/>
      <diagonal/>
    </border>
    <border>
      <left/>
      <right style="thin">
        <color rgb="FFDBDBDB"/>
      </right>
      <top style="thin">
        <color rgb="FFDBDBDB"/>
      </top>
      <bottom/>
      <diagonal/>
    </border>
    <border>
      <left/>
      <right/>
      <top style="thin">
        <color rgb="FFF4F4F4"/>
      </top>
      <bottom style="thin">
        <color rgb="FFF5F5F5"/>
      </bottom>
      <diagonal/>
    </border>
    <border>
      <left/>
      <right style="thin">
        <color rgb="FFDBDBDB"/>
      </right>
      <top style="thin">
        <color rgb="FFF5F5F5"/>
      </top>
      <bottom style="thin">
        <color rgb="FFF5F5F5"/>
      </bottom>
      <diagonal/>
    </border>
    <border>
      <left/>
      <right/>
      <top style="thin">
        <color rgb="FFF5F5F5"/>
      </top>
      <bottom style="thin">
        <color rgb="FFF5F5F5"/>
      </bottom>
      <diagonal/>
    </border>
    <border>
      <left style="thin">
        <color rgb="FFDBDBDB"/>
      </left>
      <right/>
      <top style="thin">
        <color rgb="FFF5F5F5"/>
      </top>
      <bottom style="thin">
        <color rgb="FFF5F5F5"/>
      </bottom>
      <diagonal/>
    </border>
    <border>
      <left/>
      <right style="thin">
        <color theme="0" tint="-0.1400799584948271"/>
      </right>
      <top style="thin">
        <color theme="0" tint="-4.0223395489364301E-2"/>
      </top>
      <bottom style="thin">
        <color theme="0" tint="-4.0223395489364301E-2"/>
      </bottom>
      <diagonal/>
    </border>
    <border>
      <left/>
      <right style="thin">
        <color rgb="FFDBDBDB"/>
      </right>
      <top style="thin">
        <color rgb="FFF5F5F5"/>
      </top>
      <bottom style="thin">
        <color rgb="FFDBDBDB"/>
      </bottom>
      <diagonal/>
    </border>
    <border>
      <left/>
      <right/>
      <top style="thin">
        <color rgb="FFF5F5F5"/>
      </top>
      <bottom style="thin">
        <color rgb="FFDBDBDB"/>
      </bottom>
      <diagonal/>
    </border>
    <border>
      <left style="thin">
        <color rgb="FFDBDBDB"/>
      </left>
      <right/>
      <top style="thin">
        <color rgb="FFF5F5F5"/>
      </top>
      <bottom style="thin">
        <color rgb="FFDBDBDB"/>
      </bottom>
      <diagonal/>
    </border>
    <border>
      <left/>
      <right style="thin">
        <color rgb="FFDBDBDB"/>
      </right>
      <top style="thin">
        <color rgb="FFDBDBDB"/>
      </top>
      <bottom style="thin">
        <color rgb="FFDBDBDB"/>
      </bottom>
      <diagonal/>
    </border>
    <border>
      <left/>
      <right style="thin">
        <color rgb="FFDBDBDB"/>
      </right>
      <top style="thin">
        <color rgb="FFDBDBDB"/>
      </top>
      <bottom style="thin">
        <color rgb="FFF5F5F5"/>
      </bottom>
      <diagonal/>
    </border>
    <border>
      <left/>
      <right/>
      <top style="thin">
        <color rgb="FFDBDBDB"/>
      </top>
      <bottom style="thin">
        <color rgb="FFDBDBDB"/>
      </bottom>
      <diagonal/>
    </border>
    <border>
      <left/>
      <right style="thin">
        <color theme="0" tint="-0.14050721762749108"/>
      </right>
      <top style="thin">
        <color theme="0" tint="-0.1401104770043031"/>
      </top>
      <bottom style="thin">
        <color theme="0" tint="-0.1401104770043031"/>
      </bottom>
      <diagonal/>
    </border>
    <border>
      <left/>
      <right style="thin">
        <color theme="0" tint="-0.14496292001098665"/>
      </right>
      <top style="thin">
        <color theme="0" tint="-0.14499343852046265"/>
      </top>
      <bottom style="thin">
        <color theme="0" tint="-0.14499343852046265"/>
      </bottom>
      <diagonal/>
    </border>
    <border>
      <left/>
      <right/>
      <top style="thin">
        <color theme="0" tint="-0.14499343852046265"/>
      </top>
      <bottom style="thin">
        <color theme="0" tint="-0.14499343852046265"/>
      </bottom>
      <diagonal/>
    </border>
    <border>
      <left/>
      <right style="thin">
        <color theme="0" tint="-0.14493240150151065"/>
      </right>
      <top style="thin">
        <color theme="0" tint="-0.14499343852046265"/>
      </top>
      <bottom style="thin">
        <color theme="0" tint="-0.14499343852046265"/>
      </bottom>
      <diagonal/>
    </border>
    <border>
      <left style="thin">
        <color theme="0" tint="-0.14493240150151065"/>
      </left>
      <right/>
      <top style="thin">
        <color theme="0" tint="-0.14499343852046265"/>
      </top>
      <bottom style="thin">
        <color theme="0" tint="-0.14499343852046265"/>
      </bottom>
      <diagonal/>
    </border>
    <border>
      <left/>
      <right style="thin">
        <color theme="0" tint="-0.14517654957731865"/>
      </right>
      <top style="thin">
        <color theme="0" tint="-0.14499343852046265"/>
      </top>
      <bottom style="thin">
        <color theme="0" tint="-0.14499343852046265"/>
      </bottom>
      <diagonal/>
    </border>
    <border>
      <left/>
      <right style="thin">
        <color theme="0" tint="-0.14496292001098665"/>
      </right>
      <top style="thin">
        <color theme="0" tint="-0.14499343852046265"/>
      </top>
      <bottom style="thin">
        <color theme="0" tint="-4.5014801477095856E-2"/>
      </bottom>
      <diagonal/>
    </border>
    <border>
      <left/>
      <right/>
      <top style="thin">
        <color theme="0" tint="-0.14499343852046265"/>
      </top>
      <bottom style="thin">
        <color theme="0" tint="-4.5014801477095856E-2"/>
      </bottom>
      <diagonal/>
    </border>
    <border>
      <left/>
      <right style="thin">
        <color theme="0" tint="-0.14493240150151065"/>
      </right>
      <top style="thin">
        <color theme="0" tint="-0.14499343852046265"/>
      </top>
      <bottom style="thin">
        <color theme="0" tint="-4.5014801477095856E-2"/>
      </bottom>
      <diagonal/>
    </border>
    <border>
      <left style="thin">
        <color rgb="FFDADADA"/>
      </left>
      <right/>
      <top style="thin">
        <color rgb="FFDADADA"/>
      </top>
      <bottom style="thin">
        <color rgb="FFF4F4F4"/>
      </bottom>
      <diagonal/>
    </border>
    <border>
      <left/>
      <right style="thin">
        <color rgb="FFDADADA"/>
      </right>
      <top style="thin">
        <color rgb="FFDADADA"/>
      </top>
      <bottom style="thin">
        <color rgb="FFF4F4F4"/>
      </bottom>
      <diagonal/>
    </border>
    <border>
      <left style="thin">
        <color theme="0" tint="-0.14493240150151065"/>
      </left>
      <right/>
      <top style="thin">
        <color theme="0" tint="-0.14499343852046265"/>
      </top>
      <bottom style="thin">
        <color theme="0" tint="-4.5014801477095856E-2"/>
      </bottom>
      <diagonal/>
    </border>
    <border>
      <left/>
      <right style="thin">
        <color theme="0" tint="-0.14517654957731865"/>
      </right>
      <top style="thin">
        <color theme="0" tint="-0.14499343852046265"/>
      </top>
      <bottom style="thin">
        <color theme="0" tint="-4.5014801477095856E-2"/>
      </bottom>
      <diagonal/>
    </border>
    <border>
      <left/>
      <right style="thin">
        <color theme="0" tint="-0.14496292001098665"/>
      </right>
      <top style="thin">
        <color theme="0" tint="-4.5014801477095856E-2"/>
      </top>
      <bottom style="thin">
        <color theme="0" tint="-4.5014801477095856E-2"/>
      </bottom>
      <diagonal/>
    </border>
    <border>
      <left style="thin">
        <color rgb="FFDADADA"/>
      </left>
      <right/>
      <top style="thin">
        <color rgb="FFF4F4F4"/>
      </top>
      <bottom style="thin">
        <color rgb="FFF4F4F4"/>
      </bottom>
      <diagonal/>
    </border>
    <border>
      <left/>
      <right style="thin">
        <color rgb="FFDADADA"/>
      </right>
      <top style="thin">
        <color rgb="FFF4F4F4"/>
      </top>
      <bottom style="thin">
        <color rgb="FFF4F4F4"/>
      </bottom>
      <diagonal/>
    </border>
    <border>
      <left style="thin">
        <color rgb="FFDADADA"/>
      </left>
      <right/>
      <top style="thin">
        <color rgb="FFF3F3F3"/>
      </top>
      <bottom style="thin">
        <color rgb="FFF3F3F3"/>
      </bottom>
      <diagonal/>
    </border>
    <border>
      <left/>
      <right style="thin">
        <color theme="0" tint="-0.14496292001098665"/>
      </right>
      <top style="thin">
        <color theme="0" tint="-4.5014801477095856E-2"/>
      </top>
      <bottom style="thin">
        <color theme="0" tint="-0.14499343852046265"/>
      </bottom>
      <diagonal/>
    </border>
    <border>
      <left style="thin">
        <color rgb="FFDADADA"/>
      </left>
      <right/>
      <top style="thin">
        <color rgb="FFF4F4F4"/>
      </top>
      <bottom style="thin">
        <color rgb="FFDADADA"/>
      </bottom>
      <diagonal/>
    </border>
    <border>
      <left/>
      <right style="thin">
        <color rgb="FFDADADA"/>
      </right>
      <top style="thin">
        <color rgb="FFF4F4F4"/>
      </top>
      <bottom style="thin">
        <color rgb="FFDADADA"/>
      </bottom>
      <diagonal/>
    </border>
    <border>
      <left/>
      <right/>
      <top style="thin">
        <color rgb="FFF4F4F4"/>
      </top>
      <bottom style="thin">
        <color rgb="FFDADADA"/>
      </bottom>
      <diagonal/>
    </border>
    <border>
      <left/>
      <right style="thin">
        <color theme="0" tint="-0.14496292001098665"/>
      </right>
      <top style="thin">
        <color theme="0" tint="-0.14517654957731865"/>
      </top>
      <bottom style="thin">
        <color theme="0" tint="-0.14517654957731865"/>
      </bottom>
      <diagonal/>
    </border>
    <border>
      <left/>
      <right/>
      <top style="thin">
        <color rgb="FFF4F4F4"/>
      </top>
      <bottom style="thin">
        <color rgb="FFF4F4F4"/>
      </bottom>
      <diagonal/>
    </border>
    <border>
      <left/>
      <right/>
      <top/>
      <bottom style="thin">
        <color theme="0" tint="-0.14499343852046265"/>
      </bottom>
      <diagonal/>
    </border>
    <border>
      <left/>
      <right style="thin">
        <color theme="0" tint="-0.13986632892849513"/>
      </right>
      <top style="thin">
        <color theme="0" tint="-0.13986632892849513"/>
      </top>
      <bottom style="thin">
        <color theme="0" tint="-0.13986632892849513"/>
      </bottom>
      <diagonal/>
    </border>
    <border>
      <left/>
      <right/>
      <top style="thin">
        <color theme="0" tint="-0.13986632892849513"/>
      </top>
      <bottom style="thin">
        <color theme="0" tint="-0.13986632892849513"/>
      </bottom>
      <diagonal/>
    </border>
    <border>
      <left style="thin">
        <color theme="0" tint="-0.13986632892849513"/>
      </left>
      <right/>
      <top style="thin">
        <color theme="0" tint="-0.13986632892849513"/>
      </top>
      <bottom style="thin">
        <color theme="0" tint="-0.13986632892849513"/>
      </bottom>
      <diagonal/>
    </border>
    <border>
      <left/>
      <right/>
      <top style="thin">
        <color rgb="FFDBDBDB"/>
      </top>
      <bottom style="thin">
        <color rgb="FFF5F5F5"/>
      </bottom>
      <diagonal/>
    </border>
    <border>
      <left style="thin">
        <color rgb="FFDBDBDB"/>
      </left>
      <right/>
      <top style="thin">
        <color rgb="FFDBDBDB"/>
      </top>
      <bottom style="thin">
        <color rgb="FFF5F5F5"/>
      </bottom>
      <diagonal/>
    </border>
    <border>
      <left/>
      <right style="thin">
        <color theme="0" tint="-0.13986632892849513"/>
      </right>
      <top style="thin">
        <color theme="0" tint="-3.9124729148228399E-2"/>
      </top>
      <bottom style="thin">
        <color theme="0" tint="-3.9124729148228399E-2"/>
      </bottom>
      <diagonal/>
    </border>
    <border>
      <left/>
      <right style="thin">
        <color theme="0" tint="-0.14365062410351878"/>
      </right>
      <top style="thin">
        <color theme="0" tint="-4.3702505569627979E-2"/>
      </top>
      <bottom style="thin">
        <color theme="0" tint="-4.3702505569627979E-2"/>
      </bottom>
      <diagonal/>
    </border>
    <border>
      <left/>
      <right style="thin">
        <color rgb="FFDBDBDB"/>
      </right>
      <top style="thin">
        <color rgb="FFF5F5F5"/>
      </top>
      <bottom style="thin">
        <color rgb="FFF4F4F4"/>
      </bottom>
      <diagonal/>
    </border>
    <border>
      <left/>
      <right/>
      <top style="thin">
        <color rgb="FFF5F5F5"/>
      </top>
      <bottom style="thin">
        <color rgb="FFF4F4F4"/>
      </bottom>
      <diagonal/>
    </border>
    <border>
      <left style="thin">
        <color rgb="FFDBDBDB"/>
      </left>
      <right/>
      <top style="thin">
        <color rgb="FFF5F5F5"/>
      </top>
      <bottom style="thin">
        <color rgb="FFF4F4F4"/>
      </bottom>
      <diagonal/>
    </border>
    <border>
      <left/>
      <right style="thin">
        <color theme="0" tint="-0.13986632892849513"/>
      </right>
      <top style="thin">
        <color theme="0" tint="-4.2451246681112095E-2"/>
      </top>
      <bottom style="thin">
        <color theme="0" tint="-3.9124729148228399E-2"/>
      </bottom>
      <diagonal/>
    </border>
    <border>
      <left/>
      <right style="thin">
        <color theme="0" tint="-0.13986632892849513"/>
      </right>
      <top style="thin">
        <color theme="0" tint="-0.1423993652150029"/>
      </top>
      <bottom style="thin">
        <color theme="0" tint="-0.1423993652150029"/>
      </bottom>
      <diagonal/>
    </border>
    <border>
      <left/>
      <right style="thin">
        <color theme="0" tint="-0.13986632892849513"/>
      </right>
      <top style="thin">
        <color theme="0" tint="-3.9124729148228399E-2"/>
      </top>
      <bottom style="thin">
        <color theme="0" tint="-0.14249092074343089"/>
      </bottom>
      <diagonal/>
    </border>
    <border>
      <left/>
      <right style="thin">
        <color theme="0" tint="-0.14395580919827874"/>
      </right>
      <top style="thin">
        <color theme="0" tint="-0.14398632770775474"/>
      </top>
      <bottom style="thin">
        <color theme="0" tint="-0.14398632770775474"/>
      </bottom>
      <diagonal/>
    </border>
    <border>
      <left/>
      <right/>
      <top style="thin">
        <color theme="0" tint="-0.14398632770775474"/>
      </top>
      <bottom style="thin">
        <color theme="0" tint="-0.14398632770775474"/>
      </bottom>
      <diagonal/>
    </border>
    <border>
      <left/>
      <right style="thin">
        <color theme="0" tint="-0.14392529068880275"/>
      </right>
      <top style="thin">
        <color theme="0" tint="-0.14398632770775474"/>
      </top>
      <bottom style="thin">
        <color theme="0" tint="-0.14398632770775474"/>
      </bottom>
      <diagonal/>
    </border>
    <border>
      <left style="thin">
        <color theme="0" tint="-0.14392529068880275"/>
      </left>
      <right/>
      <top style="thin">
        <color theme="0" tint="-0.14398632770775474"/>
      </top>
      <bottom style="thin">
        <color theme="0" tint="-0.14398632770775474"/>
      </bottom>
      <diagonal/>
    </border>
    <border>
      <left style="thin">
        <color theme="0" tint="-0.14410840174565875"/>
      </left>
      <right/>
      <top style="thin">
        <color theme="0" tint="-0.14398632770775474"/>
      </top>
      <bottom style="thin">
        <color theme="0" tint="-0.14398632770775474"/>
      </bottom>
      <diagonal/>
    </border>
    <border>
      <left/>
      <right style="thin">
        <color theme="0" tint="-0.14410840174565875"/>
      </right>
      <top style="thin">
        <color theme="0" tint="-0.14398632770775474"/>
      </top>
      <bottom style="thin">
        <color theme="0" tint="-0.14398632770775474"/>
      </bottom>
      <diagonal/>
    </border>
    <border>
      <left/>
      <right/>
      <top style="thin">
        <color theme="0" tint="-0.14398632770775474"/>
      </top>
      <bottom style="thin">
        <color theme="0" tint="-4.4160283211767938E-2"/>
      </bottom>
      <diagonal/>
    </border>
    <border>
      <left/>
      <right style="thin">
        <color theme="0" tint="-0.14392529068880275"/>
      </right>
      <top style="thin">
        <color theme="0" tint="-0.14398632770775474"/>
      </top>
      <bottom style="thin">
        <color theme="0" tint="-4.4160283211767938E-2"/>
      </bottom>
      <diagonal/>
    </border>
    <border>
      <left style="thin">
        <color theme="0" tint="-0.14392529068880275"/>
      </left>
      <right/>
      <top style="thin">
        <color theme="0" tint="-0.14398632770775474"/>
      </top>
      <bottom style="thin">
        <color theme="0" tint="-4.4160283211767938E-2"/>
      </bottom>
      <diagonal/>
    </border>
    <border>
      <left style="thin">
        <color theme="0" tint="-0.14410840174565875"/>
      </left>
      <right/>
      <top style="thin">
        <color theme="0" tint="-0.14398632770775474"/>
      </top>
      <bottom style="thin">
        <color theme="0" tint="-4.4160283211767938E-2"/>
      </bottom>
      <diagonal/>
    </border>
    <border>
      <left/>
      <right style="thin">
        <color theme="0" tint="-0.14410840174565875"/>
      </right>
      <top style="thin">
        <color theme="0" tint="-0.14398632770775474"/>
      </top>
      <bottom style="thin">
        <color theme="0" tint="-4.4160283211767938E-2"/>
      </bottom>
      <diagonal/>
    </border>
    <border>
      <left/>
      <right style="thin">
        <color theme="0" tint="-0.14395580919827874"/>
      </right>
      <top style="thin">
        <color theme="0" tint="-4.400769066438795E-2"/>
      </top>
      <bottom style="thin">
        <color theme="0" tint="-4.400769066438795E-2"/>
      </bottom>
      <diagonal/>
    </border>
    <border>
      <left/>
      <right/>
      <top style="thin">
        <color theme="0" tint="-4.400769066438795E-2"/>
      </top>
      <bottom style="thin">
        <color theme="0" tint="-4.400769066438795E-2"/>
      </bottom>
      <diagonal/>
    </border>
    <border>
      <left/>
      <right style="thin">
        <color theme="0" tint="-0.14447462385937071"/>
      </right>
      <top style="thin">
        <color theme="0" tint="-4.4526505325479901E-2"/>
      </top>
      <bottom style="thin">
        <color theme="0" tint="-4.4526505325479901E-2"/>
      </bottom>
      <diagonal/>
    </border>
    <border>
      <left/>
      <right style="thin">
        <color theme="0" tint="-0.14395580919827874"/>
      </right>
      <top style="thin">
        <color theme="0" tint="-4.400769066438795E-2"/>
      </top>
      <bottom style="thin">
        <color theme="0" tint="-0.14398632770775474"/>
      </bottom>
      <diagonal/>
    </border>
    <border>
      <left/>
      <right/>
      <top style="thin">
        <color theme="0" tint="-4.400769066438795E-2"/>
      </top>
      <bottom style="thin">
        <color theme="0" tint="-0.14398632770775474"/>
      </bottom>
      <diagonal/>
    </border>
    <border>
      <left/>
      <right style="thin">
        <color theme="0" tint="-0.14395580919827874"/>
      </right>
      <top style="thin">
        <color theme="0" tint="-0.14398632770775474"/>
      </top>
      <bottom style="thin">
        <color theme="0" tint="-4.400769066438795E-2"/>
      </bottom>
      <diagonal/>
    </border>
    <border>
      <left/>
      <right style="thin">
        <color theme="0" tint="-0.14481032746360667"/>
      </right>
      <top style="thin">
        <color theme="0" tint="-0.14481032746360667"/>
      </top>
      <bottom style="thin">
        <color theme="0" tint="-0.14481032746360667"/>
      </bottom>
      <diagonal/>
    </border>
    <border>
      <left/>
      <right/>
      <top style="thin">
        <color theme="0" tint="-0.14481032746360667"/>
      </top>
      <bottom style="thin">
        <color theme="0" tint="-0.14481032746360667"/>
      </bottom>
      <diagonal/>
    </border>
    <border>
      <left style="thin">
        <color theme="0" tint="-0.14523758659627065"/>
      </left>
      <right/>
      <top style="thin">
        <color theme="0" tint="-0.14481032746360667"/>
      </top>
      <bottom style="thin">
        <color theme="0" tint="-0.14481032746360667"/>
      </bottom>
      <diagonal/>
    </border>
    <border>
      <left/>
      <right style="thin">
        <color theme="0" tint="-0.14523758659627065"/>
      </right>
      <top style="thin">
        <color theme="0" tint="-0.14481032746360667"/>
      </top>
      <bottom style="thin">
        <color theme="0" tint="-0.14481032746360667"/>
      </bottom>
      <diagonal/>
    </border>
    <border>
      <left/>
      <right style="thin">
        <color theme="0" tint="-0.14481032746360667"/>
      </right>
      <top style="thin">
        <color theme="0" tint="-0.14481032746360667"/>
      </top>
      <bottom style="thin">
        <color theme="0" tint="-4.5075838496047856E-2"/>
      </bottom>
      <diagonal/>
    </border>
    <border>
      <left/>
      <right/>
      <top style="thin">
        <color theme="0" tint="-0.14481032746360667"/>
      </top>
      <bottom style="thin">
        <color theme="0" tint="-4.5075838496047856E-2"/>
      </bottom>
      <diagonal/>
    </border>
    <border>
      <left style="thin">
        <color rgb="FFDADADA"/>
      </left>
      <right/>
      <top style="thin">
        <color rgb="FFDADADA"/>
      </top>
      <bottom style="thin">
        <color rgb="FFF3F3F3"/>
      </bottom>
      <diagonal/>
    </border>
    <border>
      <left style="thin">
        <color theme="0" tint="-0.14523758659627065"/>
      </left>
      <right/>
      <top style="thin">
        <color theme="0" tint="-0.14481032746360667"/>
      </top>
      <bottom style="thin">
        <color theme="0" tint="-4.5075838496047856E-2"/>
      </bottom>
      <diagonal/>
    </border>
    <border>
      <left/>
      <right style="thin">
        <color theme="0" tint="-0.14523758659627065"/>
      </right>
      <top style="thin">
        <color theme="0" tint="-0.14481032746360667"/>
      </top>
      <bottom style="thin">
        <color theme="0" tint="-4.5075838496047856E-2"/>
      </bottom>
      <diagonal/>
    </border>
    <border>
      <left/>
      <right style="thin">
        <color rgb="FFDADADA"/>
      </right>
      <top style="thin">
        <color rgb="FFF3F3F3"/>
      </top>
      <bottom style="thin">
        <color rgb="FFF4F4F4"/>
      </bottom>
      <diagonal/>
    </border>
    <border>
      <left/>
      <right style="thin">
        <color rgb="FFDADADA"/>
      </right>
      <top style="thin">
        <color rgb="FFF4F4F4"/>
      </top>
      <bottom style="thin">
        <color rgb="FFF3F3F3"/>
      </bottom>
      <diagonal/>
    </border>
    <border>
      <left/>
      <right style="thin">
        <color theme="0" tint="-0.14481032746360667"/>
      </right>
      <top style="thin">
        <color theme="0" tint="-4.5106357005523852E-2"/>
      </top>
      <bottom style="thin">
        <color theme="0" tint="-4.5106357005523852E-2"/>
      </bottom>
      <diagonal/>
    </border>
    <border>
      <left style="thin">
        <color rgb="FFDADADA"/>
      </left>
      <right/>
      <top style="thin">
        <color rgb="FFF4F4F4"/>
      </top>
      <bottom style="thin">
        <color rgb="FFF5F5F5"/>
      </bottom>
      <diagonal/>
    </border>
    <border>
      <left/>
      <right style="thin">
        <color rgb="FFDADADA"/>
      </right>
      <top style="thin">
        <color rgb="FFF4F4F4"/>
      </top>
      <bottom style="thin">
        <color rgb="FFF5F5F5"/>
      </bottom>
      <diagonal/>
    </border>
    <border>
      <left/>
      <right style="thin">
        <color theme="0" tint="-0.14481032746360667"/>
      </right>
      <top style="thin">
        <color theme="0" tint="-3.7079989013336589E-2"/>
      </top>
      <bottom style="thin">
        <color theme="0" tint="-3.7079989013336589E-2"/>
      </bottom>
      <diagonal/>
    </border>
    <border>
      <left style="thin">
        <color rgb="FFDADADA"/>
      </left>
      <right/>
      <top style="thin">
        <color rgb="FFF6F6F6"/>
      </top>
      <bottom style="thin">
        <color rgb="FFF6F6F6"/>
      </bottom>
      <diagonal/>
    </border>
    <border>
      <left/>
      <right style="thin">
        <color rgb="FFDADADA"/>
      </right>
      <top style="thin">
        <color rgb="FFF6F6F6"/>
      </top>
      <bottom style="thin">
        <color rgb="FFF6F6F6"/>
      </bottom>
      <diagonal/>
    </border>
    <border>
      <left/>
      <right style="thin">
        <color rgb="FFDADADA"/>
      </right>
      <top style="thin">
        <color rgb="FFF6F6F6"/>
      </top>
      <bottom style="thin">
        <color rgb="FFF4F4F4"/>
      </bottom>
      <diagonal/>
    </border>
    <border>
      <left/>
      <right/>
      <top style="thin">
        <color rgb="FFF6F6F6"/>
      </top>
      <bottom style="thin">
        <color rgb="FFF4F4F4"/>
      </bottom>
      <diagonal/>
    </border>
    <border>
      <left style="thin">
        <color rgb="FFDADADA"/>
      </left>
      <right/>
      <top style="thin">
        <color rgb="FFF6F6F6"/>
      </top>
      <bottom style="thin">
        <color rgb="FFF4F4F4"/>
      </bottom>
      <diagonal/>
    </border>
    <border>
      <left/>
      <right style="thin">
        <color theme="0" tint="-0.14481032746360667"/>
      </right>
      <top style="thin">
        <color theme="0" tint="-4.3427838984344005E-2"/>
      </top>
      <bottom style="thin">
        <color theme="0" tint="-4.3427838984344005E-2"/>
      </bottom>
      <diagonal/>
    </border>
    <border>
      <left/>
      <right style="thin">
        <color theme="0" tint="-0.14481032746360667"/>
      </right>
      <top style="thin">
        <color theme="0" tint="-3.7965025788140511E-2"/>
      </top>
      <bottom style="thin">
        <color theme="0" tint="-3.7965025788140511E-2"/>
      </bottom>
      <diagonal/>
    </border>
    <border>
      <left style="thin">
        <color rgb="FFDADADA"/>
      </left>
      <right/>
      <top style="thin">
        <color rgb="FFF5F5F5"/>
      </top>
      <bottom style="thin">
        <color rgb="FFF5F5F5"/>
      </bottom>
      <diagonal/>
    </border>
    <border>
      <left/>
      <right style="thin">
        <color rgb="FFDADADA"/>
      </right>
      <top style="thin">
        <color rgb="FFF5F5F5"/>
      </top>
      <bottom style="thin">
        <color rgb="FFF5F5F5"/>
      </bottom>
      <diagonal/>
    </border>
    <border>
      <left/>
      <right/>
      <top style="thin">
        <color rgb="FFF5F5F5"/>
      </top>
      <bottom style="thin">
        <color rgb="FFF6F6F6"/>
      </bottom>
      <diagonal/>
    </border>
    <border>
      <left/>
      <right style="thin">
        <color rgb="FFDADADA"/>
      </right>
      <top style="thin">
        <color rgb="FFF5F5F5"/>
      </top>
      <bottom style="thin">
        <color rgb="FFF6F6F6"/>
      </bottom>
      <diagonal/>
    </border>
    <border>
      <left/>
      <right/>
      <top style="thin">
        <color rgb="FFF6F6F6"/>
      </top>
      <bottom style="thin">
        <color rgb="FFF6F6F6"/>
      </bottom>
      <diagonal/>
    </border>
    <border>
      <left style="thin">
        <color rgb="FFDADADA"/>
      </left>
      <right/>
      <top style="thin">
        <color rgb="FFF5F5F5"/>
      </top>
      <bottom style="thin">
        <color rgb="FFF6F6F6"/>
      </bottom>
      <diagonal/>
    </border>
    <border>
      <left/>
      <right style="thin">
        <color theme="0" tint="-0.14481032746360667"/>
      </right>
      <top style="thin">
        <color theme="0" tint="-3.4607989745780818E-2"/>
      </top>
      <bottom style="thin">
        <color theme="0" tint="-3.4607989745780818E-2"/>
      </bottom>
      <diagonal/>
    </border>
    <border>
      <left/>
      <right style="thin">
        <color rgb="FFDADADA"/>
      </right>
      <top style="thin">
        <color rgb="FFF5F5F5"/>
      </top>
      <bottom style="thin">
        <color rgb="FFDADADA"/>
      </bottom>
      <diagonal/>
    </border>
    <border>
      <left/>
      <right/>
      <top style="thin">
        <color rgb="FFF6F6F6"/>
      </top>
      <bottom style="thin">
        <color rgb="FFDADADA"/>
      </bottom>
      <diagonal/>
    </border>
    <border>
      <left/>
      <right style="thin">
        <color rgb="FFDADADA"/>
      </right>
      <top style="thin">
        <color rgb="FFF6F6F6"/>
      </top>
      <bottom style="thin">
        <color rgb="FFDADADA"/>
      </bottom>
      <diagonal/>
    </border>
    <border>
      <left style="thin">
        <color rgb="FFDADADA"/>
      </left>
      <right/>
      <top style="thin">
        <color rgb="FFF6F6F6"/>
      </top>
      <bottom style="thin">
        <color rgb="FFDADADA"/>
      </bottom>
      <diagonal/>
    </border>
    <border>
      <left/>
      <right style="thin">
        <color rgb="FFDADADA"/>
      </right>
      <top style="thin">
        <color rgb="FFDADADA"/>
      </top>
      <bottom style="thin">
        <color rgb="FFF5F5F5"/>
      </bottom>
      <diagonal/>
    </border>
    <border>
      <left/>
      <right/>
      <top style="thin">
        <color rgb="FFDADADA"/>
      </top>
      <bottom style="thin">
        <color rgb="FFF5F5F5"/>
      </bottom>
      <diagonal/>
    </border>
    <border>
      <left style="thin">
        <color rgb="FFDADADA"/>
      </left>
      <right/>
      <top style="thin">
        <color rgb="FFDADADA"/>
      </top>
      <bottom style="thin">
        <color rgb="FFF5F5F5"/>
      </bottom>
      <diagonal/>
    </border>
    <border>
      <left/>
      <right style="thin">
        <color rgb="FFDADADA"/>
      </right>
      <top style="thin">
        <color rgb="FFDADADA"/>
      </top>
      <bottom/>
      <diagonal/>
    </border>
    <border>
      <left/>
      <right style="thin">
        <color theme="0" tint="-0.14481032746360667"/>
      </right>
      <top style="thin">
        <color theme="0" tint="-3.7995544297616507E-2"/>
      </top>
      <bottom style="thin">
        <color theme="0" tint="-3.7995544297616507E-2"/>
      </bottom>
      <diagonal/>
    </border>
    <border>
      <left/>
      <right style="thin">
        <color theme="0" tint="-0.14481032746360667"/>
      </right>
      <top style="thin">
        <color theme="0" tint="-3.7995544297616507E-2"/>
      </top>
      <bottom style="thin">
        <color theme="0" tint="-4.1383098849452196E-2"/>
      </bottom>
      <diagonal/>
    </border>
    <border>
      <left style="thin">
        <color rgb="FFDADADA"/>
      </left>
      <right/>
      <top style="thin">
        <color rgb="FFF5F5F5"/>
      </top>
      <bottom style="thin">
        <color rgb="FFF4F4F4"/>
      </bottom>
      <diagonal/>
    </border>
    <border>
      <left/>
      <right style="thin">
        <color rgb="FFDADADA"/>
      </right>
      <top style="thin">
        <color rgb="FFF5F5F5"/>
      </top>
      <bottom style="thin">
        <color rgb="FFF4F4F4"/>
      </bottom>
      <diagonal/>
    </border>
    <border>
      <left/>
      <right style="thin">
        <color theme="0" tint="-0.14481032746360667"/>
      </right>
      <top style="thin">
        <color theme="0" tint="-4.1383098849452196E-2"/>
      </top>
      <bottom style="thin">
        <color theme="0" tint="-4.1383098849452196E-2"/>
      </bottom>
      <diagonal/>
    </border>
    <border>
      <left/>
      <right/>
      <top style="thin">
        <color rgb="FFDADADA"/>
      </top>
      <bottom style="thin">
        <color rgb="FFF4F4F4"/>
      </bottom>
      <diagonal/>
    </border>
    <border>
      <left/>
      <right style="thin">
        <color theme="0" tint="-0.14719077120273447"/>
      </right>
      <top style="thin">
        <color theme="0" tint="-0.14722128971221046"/>
      </top>
      <bottom style="thin">
        <color theme="0" tint="-0.14722128971221046"/>
      </bottom>
      <diagonal/>
    </border>
    <border>
      <left/>
      <right/>
      <top style="thin">
        <color theme="0" tint="-0.14722128971221046"/>
      </top>
      <bottom style="thin">
        <color theme="0" tint="-0.14722128971221046"/>
      </bottom>
      <diagonal/>
    </border>
    <border>
      <left/>
      <right style="thin">
        <color theme="0" tint="-0.14716025269325847"/>
      </right>
      <top style="thin">
        <color theme="0" tint="-0.14722128971221046"/>
      </top>
      <bottom style="thin">
        <color theme="0" tint="-0.14722128971221046"/>
      </bottom>
      <diagonal/>
    </border>
    <border>
      <left style="thin">
        <color theme="0" tint="-0.14716025269325847"/>
      </left>
      <right/>
      <top style="thin">
        <color theme="0" tint="-0.14722128971221046"/>
      </top>
      <bottom style="thin">
        <color theme="0" tint="-0.14722128971221046"/>
      </bottom>
      <diagonal/>
    </border>
    <border>
      <left/>
      <right style="thin">
        <color theme="0" tint="-0.14712973418378247"/>
      </right>
      <top style="thin">
        <color theme="0" tint="-0.14722128971221046"/>
      </top>
      <bottom style="thin">
        <color theme="0" tint="-0.14722128971221046"/>
      </bottom>
      <diagonal/>
    </border>
    <border>
      <left style="thin">
        <color theme="0" tint="-0.14712973418378247"/>
      </left>
      <right/>
      <top style="thin">
        <color theme="0" tint="-0.14722128971221046"/>
      </top>
      <bottom style="thin">
        <color theme="0" tint="-0.14722128971221046"/>
      </bottom>
      <diagonal/>
    </border>
    <border>
      <left style="thin">
        <color theme="0" tint="-0.14709921567430648"/>
      </left>
      <right/>
      <top style="thin">
        <color theme="0" tint="-0.14722128971221046"/>
      </top>
      <bottom style="thin">
        <color theme="0" tint="-0.14722128971221046"/>
      </bottom>
      <diagonal/>
    </border>
    <border>
      <left/>
      <right style="thin">
        <color theme="0" tint="-0.14737388225959044"/>
      </right>
      <top style="thin">
        <color theme="0" tint="-0.14722128971221046"/>
      </top>
      <bottom style="thin">
        <color theme="0" tint="-0.14722128971221046"/>
      </bottom>
      <diagonal/>
    </border>
    <border>
      <left/>
      <right style="thin">
        <color theme="0" tint="-0.14719077120273447"/>
      </right>
      <top style="thin">
        <color theme="0" tint="-0.14722128971221046"/>
      </top>
      <bottom style="thin">
        <color theme="0" tint="-4.7242652668843657E-2"/>
      </bottom>
      <diagonal/>
    </border>
    <border>
      <left/>
      <right style="thin">
        <color theme="0" tint="-0.14719077120273447"/>
      </right>
      <top style="thin">
        <color theme="0" tint="-4.7242652668843657E-2"/>
      </top>
      <bottom style="thin">
        <color theme="0" tint="-4.7242652668843657E-2"/>
      </bottom>
      <diagonal/>
    </border>
    <border>
      <left/>
      <right style="thin">
        <color theme="0" tint="-0.14719077120273447"/>
      </right>
      <top style="thin">
        <color theme="0" tint="-4.7242652668843657E-2"/>
      </top>
      <bottom style="thin">
        <color theme="0" tint="-0.14722128971221046"/>
      </bottom>
      <diagonal/>
    </border>
    <border>
      <left/>
      <right/>
      <top style="thin">
        <color rgb="FFD9D9D9"/>
      </top>
      <bottom/>
      <diagonal/>
    </border>
    <border>
      <left/>
      <right style="thin">
        <color theme="0" tint="-0.14691610461745047"/>
      </right>
      <top style="thin">
        <color theme="0" tint="-0.14694662312692647"/>
      </top>
      <bottom style="thin">
        <color theme="0" tint="-0.14694662312692647"/>
      </bottom>
      <diagonal/>
    </border>
    <border>
      <left/>
      <right/>
      <top style="thin">
        <color theme="0" tint="-0.14694662312692647"/>
      </top>
      <bottom style="thin">
        <color theme="0" tint="-0.14694662312692647"/>
      </bottom>
      <diagonal/>
    </border>
    <border>
      <left style="thin">
        <color theme="0" tint="-0.14688558610797448"/>
      </left>
      <right/>
      <top style="thin">
        <color theme="0" tint="-0.14694662312692647"/>
      </top>
      <bottom style="thin">
        <color theme="0" tint="-0.14694662312692647"/>
      </bottom>
      <diagonal/>
    </border>
    <border>
      <left style="thin">
        <color theme="0" tint="-0.14682454908902248"/>
      </left>
      <right/>
      <top style="thin">
        <color theme="0" tint="-0.14694662312692647"/>
      </top>
      <bottom style="thin">
        <color theme="0" tint="-0.14694662312692647"/>
      </bottom>
      <diagonal/>
    </border>
    <border>
      <left/>
      <right style="thin">
        <color theme="0" tint="-0.14679403057954649"/>
      </right>
      <top style="thin">
        <color theme="0" tint="-0.14694662312692647"/>
      </top>
      <bottom style="thin">
        <color theme="0" tint="-0.14694662312692647"/>
      </bottom>
      <diagonal/>
    </border>
    <border>
      <left/>
      <right style="thin">
        <color theme="0" tint="-0.14691610461745047"/>
      </right>
      <top style="thin">
        <color theme="0" tint="-0.14694662312692647"/>
      </top>
      <bottom style="thin">
        <color theme="0" tint="-4.6967986083559676E-2"/>
      </bottom>
      <diagonal/>
    </border>
    <border>
      <left/>
      <right style="thin">
        <color theme="0" tint="-0.14691610461745047"/>
      </right>
      <top style="thin">
        <color theme="0" tint="-4.6967986083559676E-2"/>
      </top>
      <bottom style="thin">
        <color theme="0" tint="-4.6967986083559676E-2"/>
      </bottom>
      <diagonal/>
    </border>
    <border>
      <left/>
      <right style="thin">
        <color theme="0" tint="-0.14691610461745047"/>
      </right>
      <top style="thin">
        <color theme="0" tint="-4.6967986083559676E-2"/>
      </top>
      <bottom style="thin">
        <color theme="0" tint="-0.14694662312692647"/>
      </bottom>
      <diagonal/>
    </border>
    <border>
      <left/>
      <right style="thin">
        <color theme="0" tint="-0.14682454908902248"/>
      </right>
      <top style="thin">
        <color theme="0" tint="-0.14685506759849848"/>
      </top>
      <bottom style="thin">
        <color theme="0" tint="-0.14685506759849848"/>
      </bottom>
      <diagonal/>
    </border>
    <border>
      <left/>
      <right/>
      <top style="thin">
        <color theme="0" tint="-0.14685506759849848"/>
      </top>
      <bottom style="thin">
        <color theme="0" tint="-0.14685506759849848"/>
      </bottom>
      <diagonal/>
    </border>
    <border>
      <left/>
      <right style="thin">
        <color theme="0" tint="-0.14685506759849848"/>
      </right>
      <top style="thin">
        <color theme="0" tint="-0.14685506759849848"/>
      </top>
      <bottom style="thin">
        <color theme="0" tint="-0.14685506759849848"/>
      </bottom>
      <diagonal/>
    </border>
    <border>
      <left style="thin">
        <color theme="0" tint="-0.14685506759849848"/>
      </left>
      <right/>
      <top style="thin">
        <color theme="0" tint="-0.14685506759849848"/>
      </top>
      <bottom style="thin">
        <color theme="0" tint="-0.14685506759849848"/>
      </bottom>
      <diagonal/>
    </border>
    <border>
      <left style="thin">
        <color theme="0" tint="-0.14688558610797448"/>
      </left>
      <right/>
      <top style="thin">
        <color theme="0" tint="-0.14685506759849848"/>
      </top>
      <bottom style="thin">
        <color theme="0" tint="-0.14685506759849848"/>
      </bottom>
      <diagonal/>
    </border>
    <border>
      <left/>
      <right style="thin">
        <color theme="0" tint="-0.14682454908902248"/>
      </right>
      <top style="thin">
        <color theme="0" tint="-0.14685506759849848"/>
      </top>
      <bottom style="thin">
        <color theme="0" tint="-4.6876430555131687E-2"/>
      </bottom>
      <diagonal/>
    </border>
    <border>
      <left/>
      <right style="thin">
        <color theme="0" tint="-0.14682454908902248"/>
      </right>
      <top style="thin">
        <color theme="0" tint="-4.6876430555131687E-2"/>
      </top>
      <bottom style="thin">
        <color theme="0" tint="-4.6876430555131687E-2"/>
      </bottom>
      <diagonal/>
    </border>
    <border>
      <left/>
      <right/>
      <top style="thin">
        <color rgb="FFF3F3F3"/>
      </top>
      <bottom style="thin">
        <color rgb="FFDADADA"/>
      </bottom>
      <diagonal/>
    </border>
    <border>
      <left style="thin">
        <color rgb="FFDADADA"/>
      </left>
      <right/>
      <top style="thin">
        <color rgb="FFF3F3F3"/>
      </top>
      <bottom style="thin">
        <color rgb="FFDADADA"/>
      </bottom>
      <diagonal/>
    </border>
    <border>
      <left/>
      <right style="thin">
        <color theme="0" tint="-0.14682454908902248"/>
      </right>
      <top style="thin">
        <color theme="0" tint="-0.14688558610797448"/>
      </top>
      <bottom style="thin">
        <color theme="0" tint="-0.14688558610797448"/>
      </bottom>
      <diagonal/>
    </border>
    <border>
      <left/>
      <right/>
      <top style="thin">
        <color rgb="FFDADADA"/>
      </top>
      <bottom style="thin">
        <color rgb="FFF3F3F3"/>
      </bottom>
      <diagonal/>
    </border>
    <border>
      <left/>
      <right style="thin">
        <color rgb="FFD9D9D9"/>
      </right>
      <top style="thin">
        <color rgb="FFDADADA"/>
      </top>
      <bottom style="thin">
        <color rgb="FFF5F5F5"/>
      </bottom>
      <diagonal/>
    </border>
    <border>
      <left/>
      <right style="thin">
        <color rgb="FFD9D9D9"/>
      </right>
      <top style="thin">
        <color rgb="FFF5F5F5"/>
      </top>
      <bottom style="thin">
        <color rgb="FFF5F5F5"/>
      </bottom>
      <diagonal/>
    </border>
    <border>
      <left/>
      <right style="thin">
        <color rgb="FFD9D9D9"/>
      </right>
      <top style="thin">
        <color rgb="FFF3F3F3"/>
      </top>
      <bottom style="thin">
        <color rgb="FFDADADA"/>
      </bottom>
      <diagonal/>
    </border>
    <border>
      <left/>
      <right style="thin">
        <color theme="0" tint="-0.14682454908902248"/>
      </right>
      <top style="thin">
        <color theme="0" tint="-4.6876430555131687E-2"/>
      </top>
      <bottom style="thin">
        <color theme="0" tint="-0.14685506759849848"/>
      </bottom>
      <diagonal/>
    </border>
    <border>
      <left/>
      <right/>
      <top style="thin">
        <color rgb="FFF5F5F5"/>
      </top>
      <bottom style="thin">
        <color rgb="FFDADADA"/>
      </bottom>
      <diagonal/>
    </border>
    <border>
      <left/>
      <right style="thin">
        <color rgb="FFD9D9D9"/>
      </right>
      <top style="thin">
        <color rgb="FFF5F5F5"/>
      </top>
      <bottom style="thin">
        <color rgb="FFDADADA"/>
      </bottom>
      <diagonal/>
    </border>
    <border>
      <left/>
      <right style="thin">
        <color theme="0" tint="-0.14709921567430648"/>
      </right>
      <top style="thin">
        <color theme="0" tint="-0.14712973418378247"/>
      </top>
      <bottom style="thin">
        <color theme="0" tint="-0.14712973418378247"/>
      </bottom>
      <diagonal/>
    </border>
    <border>
      <left/>
      <right/>
      <top style="thin">
        <color theme="0" tint="-0.14712973418378247"/>
      </top>
      <bottom style="thin">
        <color theme="0" tint="-0.14712973418378247"/>
      </bottom>
      <diagonal/>
    </border>
    <border>
      <left style="thin">
        <color theme="0" tint="-0.14709921567430648"/>
      </left>
      <right/>
      <top style="thin">
        <color theme="0" tint="-0.14712973418378247"/>
      </top>
      <bottom style="thin">
        <color theme="0" tint="-0.14712973418378247"/>
      </bottom>
      <diagonal/>
    </border>
    <border>
      <left style="thin">
        <color theme="0" tint="-0.14703817865535448"/>
      </left>
      <right/>
      <top style="thin">
        <color theme="0" tint="-0.14712973418378247"/>
      </top>
      <bottom style="thin">
        <color theme="0" tint="-0.14712973418378247"/>
      </bottom>
      <diagonal/>
    </border>
    <border>
      <left/>
      <right style="thin">
        <color theme="0" tint="-0.14700766014587849"/>
      </right>
      <top style="thin">
        <color theme="0" tint="-0.14712973418378247"/>
      </top>
      <bottom style="thin">
        <color theme="0" tint="-0.14712973418378247"/>
      </bottom>
      <diagonal/>
    </border>
    <border>
      <left/>
      <right style="thin">
        <color theme="0" tint="-0.14709921567430648"/>
      </right>
      <top style="thin">
        <color theme="0" tint="-0.14712973418378247"/>
      </top>
      <bottom style="thin">
        <color theme="0" tint="-4.7151097140415661E-2"/>
      </bottom>
      <diagonal/>
    </border>
    <border>
      <left/>
      <right/>
      <top style="thin">
        <color theme="0" tint="-0.14712973418378247"/>
      </top>
      <bottom style="thin">
        <color theme="0" tint="-4.7151097140415661E-2"/>
      </bottom>
      <diagonal/>
    </border>
    <border>
      <left/>
      <right style="thin">
        <color rgb="FFD9D9D9"/>
      </right>
      <top style="thin">
        <color rgb="FFD9D9D9"/>
      </top>
      <bottom style="thin">
        <color rgb="FFF3F3F3"/>
      </bottom>
      <diagonal/>
    </border>
    <border>
      <left style="thin">
        <color theme="0" tint="-0.14709921567430648"/>
      </left>
      <right/>
      <top style="thin">
        <color theme="0" tint="-0.14712973418378247"/>
      </top>
      <bottom style="thin">
        <color theme="0" tint="-4.7151097140415661E-2"/>
      </bottom>
      <diagonal/>
    </border>
    <border>
      <left style="thin">
        <color theme="0" tint="-0.14703817865535448"/>
      </left>
      <right/>
      <top style="thin">
        <color theme="0" tint="-0.14712973418378247"/>
      </top>
      <bottom style="thin">
        <color theme="0" tint="-4.7151097140415661E-2"/>
      </bottom>
      <diagonal/>
    </border>
    <border>
      <left/>
      <right style="thin">
        <color theme="0" tint="-0.14700766014587849"/>
      </right>
      <top style="thin">
        <color theme="0" tint="-0.14712973418378247"/>
      </top>
      <bottom style="thin">
        <color theme="0" tint="-4.7151097140415661E-2"/>
      </bottom>
      <diagonal/>
    </border>
    <border>
      <left/>
      <right style="thin">
        <color theme="0" tint="-0.14709921567430648"/>
      </right>
      <top style="thin">
        <color theme="0" tint="-4.7151097140415661E-2"/>
      </top>
      <bottom style="thin">
        <color theme="0" tint="-4.7151097140415661E-2"/>
      </bottom>
      <diagonal/>
    </border>
    <border>
      <left/>
      <right style="thin">
        <color rgb="FFD9D9D9"/>
      </right>
      <top style="thin">
        <color rgb="FFF3F3F3"/>
      </top>
      <bottom style="thin">
        <color rgb="FFF3F3F3"/>
      </bottom>
      <diagonal/>
    </border>
    <border>
      <left/>
      <right style="thin">
        <color theme="0" tint="-0.14709921567430648"/>
      </right>
      <top style="thin">
        <color theme="0" tint="-4.7151097140415661E-2"/>
      </top>
      <bottom style="thin">
        <color theme="0" tint="-0.14712973418378247"/>
      </bottom>
      <diagonal/>
    </border>
    <border>
      <left/>
      <right style="thin">
        <color rgb="FFD9D9D9"/>
      </right>
      <top style="thin">
        <color rgb="FFF3F3F3"/>
      </top>
      <bottom style="thin">
        <color rgb="FFD9D9D9"/>
      </bottom>
      <diagonal/>
    </border>
    <border>
      <left/>
      <right style="thin">
        <color theme="0" tint="-0.14789269692068238"/>
      </right>
      <top style="thin">
        <color theme="0" tint="-0.14792321543015838"/>
      </top>
      <bottom style="thin">
        <color theme="0" tint="-0.14792321543015838"/>
      </bottom>
      <diagonal/>
    </border>
    <border>
      <left/>
      <right/>
      <top style="thin">
        <color theme="0" tint="-0.14792321543015838"/>
      </top>
      <bottom style="thin">
        <color theme="0" tint="-0.14792321543015838"/>
      </bottom>
      <diagonal/>
    </border>
    <border>
      <left/>
      <right style="thin">
        <color theme="0" tint="-0.14786217841120639"/>
      </right>
      <top style="thin">
        <color theme="0" tint="-0.14792321543015838"/>
      </top>
      <bottom style="thin">
        <color theme="0" tint="-0.14792321543015838"/>
      </bottom>
      <diagonal/>
    </border>
    <border>
      <left style="thin">
        <color theme="0" tint="-0.14786217841120639"/>
      </left>
      <right/>
      <top style="thin">
        <color theme="0" tint="-0.14792321543015838"/>
      </top>
      <bottom style="thin">
        <color theme="0" tint="-0.14792321543015838"/>
      </bottom>
      <diagonal/>
    </border>
    <border>
      <left/>
      <right style="thin">
        <color theme="0" tint="-0.14783165990173039"/>
      </right>
      <top style="thin">
        <color theme="0" tint="-0.14792321543015838"/>
      </top>
      <bottom style="thin">
        <color theme="0" tint="-0.14792321543015838"/>
      </bottom>
      <diagonal/>
    </border>
    <border>
      <left style="thin">
        <color rgb="FFD9D9D9"/>
      </left>
      <right/>
      <top style="thin">
        <color rgb="FFD9D9D9"/>
      </top>
      <bottom style="thin">
        <color rgb="FFD9D9D9"/>
      </bottom>
      <diagonal/>
    </border>
    <border>
      <left/>
      <right style="thin">
        <color theme="0" tint="-0.14789269692068238"/>
      </right>
      <top style="thin">
        <color theme="0" tint="-0.14792321543015838"/>
      </top>
      <bottom style="thin">
        <color theme="0" tint="-4.8005615405743586E-2"/>
      </bottom>
      <diagonal/>
    </border>
    <border>
      <left/>
      <right/>
      <top style="thin">
        <color theme="0" tint="-0.14792321543015838"/>
      </top>
      <bottom style="thin">
        <color theme="0" tint="-4.8005615405743586E-2"/>
      </bottom>
      <diagonal/>
    </border>
    <border>
      <left style="thin">
        <color rgb="FFD9D9D9"/>
      </left>
      <right/>
      <top style="thin">
        <color rgb="FFD9D9D9"/>
      </top>
      <bottom style="thin">
        <color rgb="FFF3F3F3"/>
      </bottom>
      <diagonal/>
    </border>
    <border>
      <left/>
      <right style="thin">
        <color theme="0" tint="-0.14789269692068238"/>
      </right>
      <top style="thin">
        <color theme="0" tint="-4.8005615405743586E-2"/>
      </top>
      <bottom style="thin">
        <color theme="0" tint="-4.8005615405743586E-2"/>
      </bottom>
      <diagonal/>
    </border>
    <border>
      <left style="thin">
        <color rgb="FFD9D9D9"/>
      </left>
      <right/>
      <top style="thin">
        <color rgb="FFF3F3F3"/>
      </top>
      <bottom style="thin">
        <color rgb="FFF3F3F3"/>
      </bottom>
      <diagonal/>
    </border>
    <border>
      <left/>
      <right/>
      <top style="thin">
        <color rgb="FFF3F3F3"/>
      </top>
      <bottom style="thin">
        <color rgb="FFF3F3F3"/>
      </bottom>
      <diagonal/>
    </border>
    <border>
      <left/>
      <right style="thin">
        <color theme="0" tint="-0.14789269692068238"/>
      </right>
      <top style="thin">
        <color theme="0" tint="-4.8005615405743586E-2"/>
      </top>
      <bottom style="thin">
        <color theme="0" tint="-0.1479842524491104"/>
      </bottom>
      <diagonal/>
    </border>
    <border>
      <left style="thin">
        <color rgb="FFD9D9D9"/>
      </left>
      <right/>
      <top style="thin">
        <color rgb="FFF3F3F3"/>
      </top>
      <bottom style="thin">
        <color rgb="FFD9D9D9"/>
      </bottom>
      <diagonal/>
    </border>
    <border>
      <left/>
      <right style="thin">
        <color theme="0" tint="-0.1479842524491104"/>
      </right>
      <top style="thin">
        <color theme="0" tint="-0.14792321543015838"/>
      </top>
      <bottom style="thin">
        <color theme="0" tint="-0.14792321543015838"/>
      </bottom>
      <diagonal/>
    </border>
    <border>
      <left style="thin">
        <color theme="0" tint="-0.1479842524491104"/>
      </left>
      <right/>
      <top style="thin">
        <color theme="0" tint="-0.14792321543015838"/>
      </top>
      <bottom style="thin">
        <color theme="0" tint="-0.14792321543015838"/>
      </bottom>
      <diagonal/>
    </border>
    <border>
      <left/>
      <right style="thin">
        <color theme="0" tint="-0.1479537339396344"/>
      </right>
      <top style="thin">
        <color theme="0" tint="-0.14792321543015838"/>
      </top>
      <bottom style="thin">
        <color theme="0" tint="-0.14792321543015838"/>
      </bottom>
      <diagonal/>
    </border>
    <border>
      <left/>
      <right style="thin">
        <color theme="0" tint="-0.1479842524491104"/>
      </right>
      <top style="thin">
        <color theme="0" tint="-0.14792321543015838"/>
      </top>
      <bottom style="thin">
        <color theme="0" tint="-4.8005615405743586E-2"/>
      </bottom>
      <diagonal/>
    </border>
    <border>
      <left style="thin">
        <color theme="0" tint="-0.1479842524491104"/>
      </left>
      <right/>
      <top style="thin">
        <color theme="0" tint="-0.14792321543015838"/>
      </top>
      <bottom style="thin">
        <color theme="0" tint="-4.8005615405743586E-2"/>
      </bottom>
      <diagonal/>
    </border>
    <border>
      <left/>
      <right style="thin">
        <color theme="0" tint="-0.1479537339396344"/>
      </right>
      <top style="thin">
        <color theme="0" tint="-0.14792321543015838"/>
      </top>
      <bottom style="thin">
        <color theme="0" tint="-4.8005615405743586E-2"/>
      </bottom>
      <diagonal/>
    </border>
    <border>
      <left/>
      <right style="thin">
        <color theme="0" tint="-0.14789269692068238"/>
      </right>
      <top style="thin">
        <color theme="0" tint="-4.8005615405743586E-2"/>
      </top>
      <bottom style="thin">
        <color theme="0" tint="-0.14792321543015838"/>
      </bottom>
      <diagonal/>
    </border>
    <border>
      <left/>
      <right style="thin">
        <color theme="0" tint="-0.14554277169103061"/>
      </right>
      <top style="thin">
        <color theme="0" tint="-0.14557329020050661"/>
      </top>
      <bottom style="thin">
        <color theme="0" tint="-0.14557329020050661"/>
      </bottom>
      <diagonal/>
    </border>
    <border>
      <left/>
      <right/>
      <top style="thin">
        <color theme="0" tint="-0.14557329020050661"/>
      </top>
      <bottom style="thin">
        <color theme="0" tint="-0.14557329020050661"/>
      </bottom>
      <diagonal/>
    </border>
    <border>
      <left/>
      <right style="thin">
        <color theme="0" tint="-0.14551225318155461"/>
      </right>
      <top style="thin">
        <color theme="0" tint="-0.14557329020050661"/>
      </top>
      <bottom style="thin">
        <color theme="0" tint="-0.14557329020050661"/>
      </bottom>
      <diagonal/>
    </border>
    <border>
      <left style="thin">
        <color theme="0" tint="-0.14551225318155461"/>
      </left>
      <right/>
      <top style="thin">
        <color theme="0" tint="-0.14557329020050661"/>
      </top>
      <bottom style="thin">
        <color theme="0" tint="-0.14557329020050661"/>
      </bottom>
      <diagonal/>
    </border>
    <border>
      <left/>
      <right style="thin">
        <color theme="0" tint="-0.14548173467207862"/>
      </right>
      <top style="thin">
        <color theme="0" tint="-0.14557329020050661"/>
      </top>
      <bottom style="thin">
        <color theme="0" tint="-0.14557329020050661"/>
      </bottom>
      <diagonal/>
    </border>
    <border>
      <left style="thin">
        <color theme="0" tint="-0.14548173467207862"/>
      </left>
      <right/>
      <top style="thin">
        <color theme="0" tint="-0.14557329020050661"/>
      </top>
      <bottom style="thin">
        <color theme="0" tint="-0.14557329020050661"/>
      </bottom>
      <diagonal/>
    </border>
    <border>
      <left style="thin">
        <color theme="0" tint="-0.14545121616260262"/>
      </left>
      <right/>
      <top style="thin">
        <color theme="0" tint="-0.14557329020050661"/>
      </top>
      <bottom style="thin">
        <color theme="0" tint="-0.14557329020050661"/>
      </bottom>
      <diagonal/>
    </border>
    <border>
      <left/>
      <right style="thin">
        <color theme="0" tint="-0.14572588274788659"/>
      </right>
      <top style="thin">
        <color theme="0" tint="-0.14557329020050661"/>
      </top>
      <bottom style="thin">
        <color theme="0" tint="-0.14557329020050661"/>
      </bottom>
      <diagonal/>
    </border>
    <border>
      <left/>
      <right style="thin">
        <color theme="0" tint="-0.14554277169103061"/>
      </right>
      <top style="thin">
        <color theme="0" tint="-0.14557329020050661"/>
      </top>
      <bottom style="thin">
        <color theme="0" tint="-4.5594653157139807E-2"/>
      </bottom>
      <diagonal/>
    </border>
    <border>
      <left/>
      <right style="thin">
        <color theme="0" tint="-0.14554277169103061"/>
      </right>
      <top style="thin">
        <color theme="0" tint="-4.5594653157139807E-2"/>
      </top>
      <bottom style="thin">
        <color theme="0" tint="-4.5594653157139807E-2"/>
      </bottom>
      <diagonal/>
    </border>
    <border>
      <left/>
      <right style="thin">
        <color theme="0" tint="-0.14554277169103061"/>
      </right>
      <top style="thin">
        <color theme="0" tint="-4.5594653157139807E-2"/>
      </top>
      <bottom style="thin">
        <color theme="0" tint="-0.14557329020050661"/>
      </bottom>
      <diagonal/>
    </border>
    <border>
      <left/>
      <right style="thin">
        <color theme="0" tint="-0.1477401043733024"/>
      </right>
      <top style="thin">
        <color theme="0" tint="-0.1477401043733024"/>
      </top>
      <bottom style="thin">
        <color theme="0" tint="-0.1477401043733024"/>
      </bottom>
      <diagonal/>
    </border>
    <border>
      <left/>
      <right/>
      <top style="thin">
        <color theme="0" tint="-0.1477401043733024"/>
      </top>
      <bottom style="thin">
        <color theme="0" tint="-0.1477401043733024"/>
      </bottom>
      <diagonal/>
    </border>
    <border>
      <left/>
      <right style="thin">
        <color theme="0" tint="-0.1477095858638264"/>
      </right>
      <top style="thin">
        <color theme="0" tint="-0.1477401043733024"/>
      </top>
      <bottom style="thin">
        <color theme="0" tint="-0.1477401043733024"/>
      </bottom>
      <diagonal/>
    </border>
    <border>
      <left style="thin">
        <color theme="0" tint="-0.1477095858638264"/>
      </left>
      <right/>
      <top style="thin">
        <color theme="0" tint="-0.1477401043733024"/>
      </top>
      <bottom style="thin">
        <color theme="0" tint="-0.1477401043733024"/>
      </bottom>
      <diagonal/>
    </border>
    <border>
      <left/>
      <right style="thin">
        <color theme="0" tint="-0.14767906735435041"/>
      </right>
      <top style="thin">
        <color theme="0" tint="-0.1477401043733024"/>
      </top>
      <bottom style="thin">
        <color theme="0" tint="-0.1477401043733024"/>
      </bottom>
      <diagonal/>
    </border>
    <border>
      <left style="thin">
        <color theme="0" tint="-0.14767906735435041"/>
      </left>
      <right/>
      <top style="thin">
        <color theme="0" tint="-0.1477401043733024"/>
      </top>
      <bottom style="thin">
        <color theme="0" tint="-0.1477401043733024"/>
      </bottom>
      <diagonal/>
    </border>
    <border>
      <left style="thin">
        <color theme="0" tint="-0.14764854884487441"/>
      </left>
      <right/>
      <top style="thin">
        <color theme="0" tint="-0.1477401043733024"/>
      </top>
      <bottom style="thin">
        <color theme="0" tint="-0.1477401043733024"/>
      </bottom>
      <diagonal/>
    </border>
    <border>
      <left/>
      <right style="thin">
        <color theme="0" tint="-0.14792321543015838"/>
      </right>
      <top style="thin">
        <color theme="0" tint="-0.1477401043733024"/>
      </top>
      <bottom style="thin">
        <color theme="0" tint="-0.1477401043733024"/>
      </bottom>
      <diagonal/>
    </border>
    <border>
      <left/>
      <right/>
      <top style="thin">
        <color rgb="FFD9D9D9"/>
      </top>
      <bottom style="thin">
        <color rgb="FFF3F3F3"/>
      </bottom>
      <diagonal/>
    </border>
    <border>
      <left/>
      <right style="thin">
        <color theme="0" tint="-0.1477401043733024"/>
      </right>
      <top style="thin">
        <color theme="0" tint="-4.7517319254127631E-2"/>
      </top>
      <bottom style="thin">
        <color theme="0" tint="-4.7517319254127631E-2"/>
      </bottom>
      <diagonal/>
    </border>
    <border>
      <left/>
      <right/>
      <top style="thin">
        <color theme="0" tint="-4.7517319254127631E-2"/>
      </top>
      <bottom style="thin">
        <color theme="0" tint="-4.7517319254127631E-2"/>
      </bottom>
      <diagonal/>
    </border>
    <border>
      <left/>
      <right style="thin">
        <color theme="0" tint="-0.1477095858638264"/>
      </right>
      <top style="thin">
        <color theme="0" tint="-4.7517319254127631E-2"/>
      </top>
      <bottom style="thin">
        <color theme="0" tint="-4.7517319254127631E-2"/>
      </bottom>
      <diagonal/>
    </border>
    <border>
      <left style="thin">
        <color theme="0" tint="-0.1477095858638264"/>
      </left>
      <right/>
      <top style="thin">
        <color theme="0" tint="-4.7517319254127631E-2"/>
      </top>
      <bottom style="thin">
        <color theme="0" tint="-4.7517319254127631E-2"/>
      </bottom>
      <diagonal/>
    </border>
    <border>
      <left/>
      <right style="thin">
        <color theme="0" tint="-0.14767906735435041"/>
      </right>
      <top style="thin">
        <color theme="0" tint="-4.7517319254127631E-2"/>
      </top>
      <bottom style="thin">
        <color theme="0" tint="-4.7517319254127631E-2"/>
      </bottom>
      <diagonal/>
    </border>
    <border>
      <left style="thin">
        <color theme="0" tint="-0.14767906735435041"/>
      </left>
      <right/>
      <top style="thin">
        <color theme="0" tint="-4.7517319254127631E-2"/>
      </top>
      <bottom style="thin">
        <color theme="0" tint="-4.7517319254127631E-2"/>
      </bottom>
      <diagonal/>
    </border>
    <border>
      <left style="thin">
        <color theme="0" tint="-0.14764854884487441"/>
      </left>
      <right/>
      <top style="thin">
        <color theme="0" tint="-4.7517319254127631E-2"/>
      </top>
      <bottom style="thin">
        <color theme="0" tint="-4.7517319254127631E-2"/>
      </bottom>
      <diagonal/>
    </border>
    <border>
      <left/>
      <right style="thin">
        <color theme="0" tint="-0.14792321543015838"/>
      </right>
      <top style="thin">
        <color theme="0" tint="-4.7517319254127631E-2"/>
      </top>
      <bottom style="thin">
        <color theme="0" tint="-4.7517319254127631E-2"/>
      </bottom>
      <diagonal/>
    </border>
    <border>
      <left/>
      <right style="thin">
        <color theme="0" tint="-0.1477401043733024"/>
      </right>
      <top style="thin">
        <color theme="0" tint="-4.7517319254127631E-2"/>
      </top>
      <bottom style="thin">
        <color theme="0" tint="-0.14783165990173039"/>
      </bottom>
      <diagonal/>
    </border>
    <border>
      <left/>
      <right/>
      <top style="thin">
        <color theme="0" tint="-4.7517319254127631E-2"/>
      </top>
      <bottom style="thin">
        <color theme="0" tint="-0.14783165990173039"/>
      </bottom>
      <diagonal/>
    </border>
    <border>
      <left/>
      <right style="thin">
        <color theme="0" tint="-0.1477095858638264"/>
      </right>
      <top style="thin">
        <color theme="0" tint="-4.7517319254127631E-2"/>
      </top>
      <bottom style="thin">
        <color theme="0" tint="-0.14783165990173039"/>
      </bottom>
      <diagonal/>
    </border>
    <border>
      <left style="thin">
        <color theme="0" tint="-0.1477095858638264"/>
      </left>
      <right/>
      <top style="thin">
        <color theme="0" tint="-4.7517319254127631E-2"/>
      </top>
      <bottom style="thin">
        <color theme="0" tint="-0.14783165990173039"/>
      </bottom>
      <diagonal/>
    </border>
    <border>
      <left/>
      <right style="thin">
        <color theme="0" tint="-0.14767906735435041"/>
      </right>
      <top style="thin">
        <color theme="0" tint="-4.7517319254127631E-2"/>
      </top>
      <bottom style="thin">
        <color theme="0" tint="-0.14783165990173039"/>
      </bottom>
      <diagonal/>
    </border>
    <border>
      <left style="thin">
        <color theme="0" tint="-0.14767906735435041"/>
      </left>
      <right/>
      <top style="thin">
        <color theme="0" tint="-4.7517319254127631E-2"/>
      </top>
      <bottom style="thin">
        <color theme="0" tint="-0.14783165990173039"/>
      </bottom>
      <diagonal/>
    </border>
    <border>
      <left style="thin">
        <color theme="0" tint="-0.14764854884487441"/>
      </left>
      <right/>
      <top style="thin">
        <color theme="0" tint="-4.7517319254127631E-2"/>
      </top>
      <bottom style="thin">
        <color theme="0" tint="-0.14783165990173039"/>
      </bottom>
      <diagonal/>
    </border>
    <border>
      <left/>
      <right style="thin">
        <color theme="0" tint="-0.14792321543015838"/>
      </right>
      <top style="thin">
        <color theme="0" tint="-4.7517319254127631E-2"/>
      </top>
      <bottom style="thin">
        <color theme="0" tint="-0.14783165990173039"/>
      </bottom>
      <diagonal/>
    </border>
    <border>
      <left style="thin">
        <color theme="0" tint="-0.1477401043733024"/>
      </left>
      <right/>
      <top style="thin">
        <color theme="0" tint="-0.1477401043733024"/>
      </top>
      <bottom style="thin">
        <color theme="0" tint="-0.1477401043733024"/>
      </bottom>
      <diagonal/>
    </border>
    <border>
      <left style="thin">
        <color theme="0" tint="-0.1477401043733024"/>
      </left>
      <right/>
      <top style="thin">
        <color theme="0" tint="-4.7517319254127631E-2"/>
      </top>
      <bottom style="thin">
        <color theme="0" tint="-4.7517319254127631E-2"/>
      </bottom>
      <diagonal/>
    </border>
    <border>
      <left/>
      <right style="thin">
        <color theme="0" tint="-0.1477401043733024"/>
      </right>
      <top style="thin">
        <color theme="0" tint="-4.7517319254127631E-2"/>
      </top>
      <bottom style="thin">
        <color theme="0" tint="-0.1477401043733024"/>
      </bottom>
      <diagonal/>
    </border>
    <border>
      <left/>
      <right/>
      <top style="thin">
        <color theme="0" tint="-4.7517319254127631E-2"/>
      </top>
      <bottom style="thin">
        <color theme="0" tint="-0.1477401043733024"/>
      </bottom>
      <diagonal/>
    </border>
    <border>
      <left/>
      <right style="thin">
        <color theme="0" tint="-0.1477095858638264"/>
      </right>
      <top style="thin">
        <color theme="0" tint="-4.7517319254127631E-2"/>
      </top>
      <bottom style="thin">
        <color theme="0" tint="-0.1477401043733024"/>
      </bottom>
      <diagonal/>
    </border>
    <border>
      <left style="thin">
        <color theme="0" tint="-0.1477095858638264"/>
      </left>
      <right/>
      <top style="thin">
        <color theme="0" tint="-4.7517319254127631E-2"/>
      </top>
      <bottom style="thin">
        <color theme="0" tint="-0.1477401043733024"/>
      </bottom>
      <diagonal/>
    </border>
    <border>
      <left/>
      <right style="thin">
        <color theme="0" tint="-0.14767906735435041"/>
      </right>
      <top style="thin">
        <color theme="0" tint="-4.7517319254127631E-2"/>
      </top>
      <bottom style="thin">
        <color theme="0" tint="-0.1477401043733024"/>
      </bottom>
      <diagonal/>
    </border>
    <border>
      <left style="thin">
        <color theme="0" tint="-0.14767906735435041"/>
      </left>
      <right/>
      <top style="thin">
        <color theme="0" tint="-4.7517319254127631E-2"/>
      </top>
      <bottom style="thin">
        <color theme="0" tint="-0.1477401043733024"/>
      </bottom>
      <diagonal/>
    </border>
    <border>
      <left style="thin">
        <color theme="0" tint="-0.1477401043733024"/>
      </left>
      <right/>
      <top style="thin">
        <color theme="0" tint="-4.7517319254127631E-2"/>
      </top>
      <bottom style="thin">
        <color theme="0" tint="-0.1477401043733024"/>
      </bottom>
      <diagonal/>
    </border>
    <border>
      <left/>
      <right style="thin">
        <color theme="0" tint="-0.14847254860072634"/>
      </right>
      <top style="thin">
        <color theme="0" tint="-0.14847254860072634"/>
      </top>
      <bottom style="thin">
        <color theme="0" tint="-0.14847254860072634"/>
      </bottom>
      <diagonal/>
    </border>
    <border>
      <left style="thin">
        <color theme="0" tint="-4.699850459303568E-2"/>
      </left>
      <right style="thin">
        <color theme="0" tint="-0.14847254860072634"/>
      </right>
      <top style="thin">
        <color theme="0" tint="-0.14847254860072634"/>
      </top>
      <bottom style="thin">
        <color theme="0" tint="-0.14847254860072634"/>
      </bottom>
      <diagonal/>
    </border>
    <border>
      <left style="thin">
        <color theme="0" tint="-4.699850459303568E-2"/>
      </left>
      <right/>
      <top style="thin">
        <color theme="0" tint="-0.14847254860072634"/>
      </top>
      <bottom style="thin">
        <color theme="0" tint="-0.14847254860072634"/>
      </bottom>
      <diagonal/>
    </border>
    <border>
      <left style="thin">
        <color rgb="FFD9D9D9"/>
      </left>
      <right style="thin">
        <color rgb="FFF3F3F3"/>
      </right>
      <top style="thin">
        <color rgb="FFD9D9D9"/>
      </top>
      <bottom style="thin">
        <color rgb="FFF2F2F2"/>
      </bottom>
      <diagonal/>
    </border>
    <border>
      <left style="thin">
        <color rgb="FFF3F3F3"/>
      </left>
      <right style="thin">
        <color rgb="FFD9D9D9"/>
      </right>
      <top style="thin">
        <color rgb="FFD9D9D9"/>
      </top>
      <bottom style="thin">
        <color rgb="FFF2F2F2"/>
      </bottom>
      <diagonal/>
    </border>
    <border>
      <left style="thin">
        <color rgb="FFF3F3F3"/>
      </left>
      <right/>
      <top style="thin">
        <color rgb="FFD9D9D9"/>
      </top>
      <bottom style="thin">
        <color rgb="FFF3F3F3"/>
      </bottom>
      <diagonal/>
    </border>
    <border>
      <left/>
      <right style="thin">
        <color theme="0" tint="-0.14847254860072634"/>
      </right>
      <top style="thin">
        <color theme="0" tint="-4.8219244972075567E-2"/>
      </top>
      <bottom style="thin">
        <color theme="0" tint="-4.8219244972075567E-2"/>
      </bottom>
      <diagonal/>
    </border>
    <border>
      <left style="thin">
        <color rgb="FFD9D9D9"/>
      </left>
      <right style="thin">
        <color rgb="FFF3F3F3"/>
      </right>
      <top style="thin">
        <color rgb="FFF2F2F2"/>
      </top>
      <bottom style="thin">
        <color rgb="FFF2F2F2"/>
      </bottom>
      <diagonal/>
    </border>
    <border>
      <left style="thin">
        <color rgb="FFD9D9D9"/>
      </left>
      <right style="thin">
        <color rgb="FFF3F3F3"/>
      </right>
      <top style="thin">
        <color rgb="FFF2F2F2"/>
      </top>
      <bottom style="thin">
        <color rgb="FFD9D9D9"/>
      </bottom>
      <diagonal/>
    </border>
    <border>
      <left style="thin">
        <color rgb="FFF3F3F3"/>
      </left>
      <right style="thin">
        <color rgb="FFD9D9D9"/>
      </right>
      <top style="thin">
        <color rgb="FFF2F2F2"/>
      </top>
      <bottom style="thin">
        <color rgb="FFD9D9D9"/>
      </bottom>
      <diagonal/>
    </border>
    <border>
      <left style="thin">
        <color rgb="FFF3F3F3"/>
      </left>
      <right/>
      <top style="thin">
        <color rgb="FFF3F3F3"/>
      </top>
      <bottom style="thin">
        <color rgb="FFD9D9D9"/>
      </bottom>
      <diagonal/>
    </border>
    <border>
      <left/>
      <right style="thin">
        <color theme="0" tint="-0.14847254860072634"/>
      </right>
      <top style="thin">
        <color theme="0" tint="-4.8219244972075567E-2"/>
      </top>
      <bottom style="thin">
        <color theme="0" tint="-0.14847254860072634"/>
      </bottom>
      <diagonal/>
    </border>
    <border>
      <left/>
      <right style="thin">
        <color theme="0" tint="-0.14743491927854244"/>
      </right>
      <top style="thin">
        <color theme="0" tint="-0.14743491927854244"/>
      </top>
      <bottom style="thin">
        <color theme="0" tint="-0.14743491927854244"/>
      </bottom>
      <diagonal/>
    </border>
    <border>
      <left/>
      <right/>
      <top style="thin">
        <color theme="0" tint="-0.14743491927854244"/>
      </top>
      <bottom style="thin">
        <color theme="0" tint="-0.14743491927854244"/>
      </bottom>
      <diagonal/>
    </border>
    <border>
      <left style="thin">
        <color theme="0" tint="-0.14743491927854244"/>
      </left>
      <right/>
      <top style="thin">
        <color theme="0" tint="-0.14743491927854244"/>
      </top>
      <bottom style="thin">
        <color theme="0" tint="-0.14743491927854244"/>
      </bottom>
      <diagonal/>
    </border>
    <border>
      <left/>
      <right style="thin">
        <color theme="0" tint="-0.14743491927854244"/>
      </right>
      <top style="thin">
        <color theme="0" tint="-4.7212134159367654E-2"/>
      </top>
      <bottom style="thin">
        <color theme="0" tint="-4.7212134159367654E-2"/>
      </bottom>
      <diagonal/>
    </border>
    <border>
      <left/>
      <right/>
      <top style="thin">
        <color theme="0" tint="-4.7212134159367654E-2"/>
      </top>
      <bottom style="thin">
        <color theme="0" tint="-4.7212134159367654E-2"/>
      </bottom>
      <diagonal/>
    </border>
    <border>
      <left style="thin">
        <color theme="0" tint="-0.14743491927854244"/>
      </left>
      <right/>
      <top style="thin">
        <color theme="0" tint="-4.7212134159367654E-2"/>
      </top>
      <bottom style="thin">
        <color theme="0" tint="-4.7212134159367654E-2"/>
      </bottom>
      <diagonal/>
    </border>
    <border>
      <left/>
      <right/>
      <top style="thin">
        <color rgb="FFF3F3F3"/>
      </top>
      <bottom style="thin">
        <color rgb="FFD9D9D9"/>
      </bottom>
      <diagonal/>
    </border>
    <border>
      <left/>
      <right style="thin">
        <color theme="0" tint="-0.14743491927854244"/>
      </right>
      <top style="thin">
        <color theme="0" tint="-4.7212134159367654E-2"/>
      </top>
      <bottom style="thin">
        <color theme="0" tint="-4.5930356761375773E-2"/>
      </bottom>
      <diagonal/>
    </border>
    <border>
      <left/>
      <right/>
      <top style="thin">
        <color theme="0" tint="-4.7212134159367654E-2"/>
      </top>
      <bottom style="thin">
        <color theme="0" tint="-4.5930356761375773E-2"/>
      </bottom>
      <diagonal/>
    </border>
    <border>
      <left style="thin">
        <color theme="0" tint="-0.14743491927854244"/>
      </left>
      <right/>
      <top style="thin">
        <color theme="0" tint="-4.7212134159367654E-2"/>
      </top>
      <bottom style="thin">
        <color theme="0" tint="-4.5930356761375773E-2"/>
      </bottom>
      <diagonal/>
    </border>
    <border>
      <left/>
      <right style="thin">
        <color theme="0" tint="-0.1477095858638264"/>
      </right>
      <top style="thin">
        <color theme="0" tint="-0.1477095858638264"/>
      </top>
      <bottom style="thin">
        <color theme="0" tint="-0.1477095858638264"/>
      </bottom>
      <diagonal/>
    </border>
    <border>
      <left/>
      <right/>
      <top style="thin">
        <color theme="0" tint="-0.1477095858638264"/>
      </top>
      <bottom style="thin">
        <color theme="0" tint="-0.1477095858638264"/>
      </bottom>
      <diagonal/>
    </border>
    <border>
      <left/>
      <right style="thin">
        <color theme="0" tint="-0.14780114139225439"/>
      </right>
      <top style="thin">
        <color theme="0" tint="-0.14780114139225439"/>
      </top>
      <bottom style="thin">
        <color theme="0" tint="-0.14780114139225439"/>
      </bottom>
      <diagonal/>
    </border>
    <border>
      <left style="thin">
        <color theme="0" tint="-0.1477095858638264"/>
      </left>
      <right/>
      <top style="thin">
        <color theme="0" tint="-0.1477095858638264"/>
      </top>
      <bottom style="thin">
        <color theme="0" tint="-0.1477095858638264"/>
      </bottom>
      <diagonal/>
    </border>
    <border>
      <left style="thin">
        <color theme="0" tint="-0.14767906735435041"/>
      </left>
      <right/>
      <top style="thin">
        <color theme="0" tint="-0.1477095858638264"/>
      </top>
      <bottom style="thin">
        <color theme="0" tint="-0.1477095858638264"/>
      </bottom>
      <diagonal/>
    </border>
    <border>
      <left/>
      <right style="thin">
        <color theme="0" tint="-0.1477095858638264"/>
      </right>
      <top style="thin">
        <color theme="0" tint="-4.7547837763603627E-2"/>
      </top>
      <bottom style="thin">
        <color theme="0" tint="-4.7547837763603627E-2"/>
      </bottom>
      <diagonal/>
    </border>
    <border>
      <left/>
      <right/>
      <top style="thin">
        <color theme="0" tint="-4.7547837763603627E-2"/>
      </top>
      <bottom style="thin">
        <color theme="0" tint="-4.7547837763603627E-2"/>
      </bottom>
      <diagonal/>
    </border>
    <border>
      <left/>
      <right/>
      <top style="thin">
        <color theme="0" tint="-4.7578356273079624E-2"/>
      </top>
      <bottom style="thin">
        <color theme="0" tint="-4.7578356273079624E-2"/>
      </bottom>
      <diagonal/>
    </border>
    <border>
      <left/>
      <right style="thin">
        <color theme="0" tint="-0.1477095858638264"/>
      </right>
      <top style="thin">
        <color theme="0" tint="-4.7547837763603627E-2"/>
      </top>
      <bottom style="thin">
        <color theme="0" tint="-0.1477095858638264"/>
      </bottom>
      <diagonal/>
    </border>
    <border>
      <left/>
      <right/>
      <top style="thin">
        <color theme="0" tint="-4.7547837763603627E-2"/>
      </top>
      <bottom style="thin">
        <color theme="0" tint="-0.1477095858638264"/>
      </bottom>
      <diagonal/>
    </border>
    <border>
      <left/>
      <right style="thin">
        <color theme="0" tint="-0.14792321543015838"/>
      </right>
      <top style="thin">
        <color theme="0" tint="-0.14792321543015838"/>
      </top>
      <bottom style="thin">
        <color theme="0" tint="-0.14792321543015838"/>
      </bottom>
      <diagonal/>
    </border>
    <border>
      <left/>
      <right style="thin">
        <color theme="0" tint="-0.14792321543015838"/>
      </right>
      <top style="thin">
        <color theme="0" tint="-0.14792321543015838"/>
      </top>
      <bottom style="thin">
        <color theme="0" tint="-0.14801477095858639"/>
      </bottom>
      <diagonal/>
    </border>
    <border>
      <left/>
      <right/>
      <top style="thin">
        <color theme="0" tint="-0.14792321543015838"/>
      </top>
      <bottom style="thin">
        <color theme="0" tint="-0.14801477095858639"/>
      </bottom>
      <diagonal/>
    </border>
    <border>
      <left style="thin">
        <color theme="0" tint="-0.14789269692068238"/>
      </left>
      <right/>
      <top style="thin">
        <color theme="0" tint="-0.14792321543015838"/>
      </top>
      <bottom style="thin">
        <color theme="0" tint="-0.14801477095858639"/>
      </bottom>
      <diagonal/>
    </border>
    <border>
      <left/>
      <right style="thin">
        <color theme="0" tint="-0.14789269692068238"/>
      </right>
      <top style="thin">
        <color theme="0" tint="-0.14792321543015838"/>
      </top>
      <bottom style="thin">
        <color theme="0" tint="-0.14801477095858639"/>
      </bottom>
      <diagonal/>
    </border>
    <border>
      <left/>
      <right style="thin">
        <color theme="0" tint="-0.14792321543015838"/>
      </right>
      <top style="thin">
        <color theme="0" tint="-4.7730948820459612E-2"/>
      </top>
      <bottom style="thin">
        <color theme="0" tint="-4.7730948820459612E-2"/>
      </bottom>
      <diagonal/>
    </border>
    <border>
      <left/>
      <right/>
      <top style="thin">
        <color theme="0" tint="-4.7730948820459612E-2"/>
      </top>
      <bottom style="thin">
        <color theme="0" tint="-4.7730948820459612E-2"/>
      </bottom>
      <diagonal/>
    </border>
    <border>
      <left style="thin">
        <color theme="0" tint="-0.14789269692068238"/>
      </left>
      <right/>
      <top style="thin">
        <color theme="0" tint="-4.7730948820459612E-2"/>
      </top>
      <bottom style="thin">
        <color theme="0" tint="-4.7730948820459612E-2"/>
      </bottom>
      <diagonal/>
    </border>
    <border>
      <left/>
      <right/>
      <top style="thin">
        <color theme="0" tint="-4.7761467329935609E-2"/>
      </top>
      <bottom style="thin">
        <color theme="0" tint="-4.7761467329935609E-2"/>
      </bottom>
      <diagonal/>
    </border>
    <border>
      <left style="thin">
        <color theme="0" tint="-0.14789269692068238"/>
      </left>
      <right/>
      <top style="thin">
        <color theme="0" tint="-0.14792321543015838"/>
      </top>
      <bottom style="thin">
        <color theme="0" tint="-0.14792321543015838"/>
      </bottom>
      <diagonal/>
    </border>
    <border>
      <left/>
      <right style="thin">
        <color theme="0" tint="-0.14792321543015838"/>
      </right>
      <top style="thin">
        <color theme="0" tint="-4.7730948820459612E-2"/>
      </top>
      <bottom style="thin">
        <color theme="0" tint="-0.14792321543015838"/>
      </bottom>
      <diagonal/>
    </border>
    <border>
      <left/>
      <right/>
      <top style="thin">
        <color theme="0" tint="-4.7730948820459612E-2"/>
      </top>
      <bottom style="thin">
        <color theme="0" tint="-0.14792321543015838"/>
      </bottom>
      <diagonal/>
    </border>
    <border>
      <left style="thin">
        <color theme="0" tint="-0.14789269692068238"/>
      </left>
      <right/>
      <top style="thin">
        <color theme="0" tint="-4.7730948820459612E-2"/>
      </top>
      <bottom style="thin">
        <color theme="0" tint="-0.14792321543015838"/>
      </bottom>
      <diagonal/>
    </border>
    <border>
      <left/>
      <right style="thin">
        <color theme="0" tint="-0.14783165990173039"/>
      </right>
      <top style="thin">
        <color theme="0" tint="-0.14783165990173039"/>
      </top>
      <bottom style="thin">
        <color theme="0" tint="-0.14783165990173039"/>
      </bottom>
      <diagonal/>
    </border>
    <border>
      <left style="thin">
        <color theme="0" tint="-4.8036133915219582E-2"/>
      </left>
      <right style="thin">
        <color theme="0" tint="-4.8036133915219582E-2"/>
      </right>
      <top style="thin">
        <color theme="0" tint="-0.14783165990173039"/>
      </top>
      <bottom style="thin">
        <color theme="0" tint="-0.14783165990173039"/>
      </bottom>
      <diagonal/>
    </border>
    <border>
      <left style="thin">
        <color rgb="FFD9D9D9"/>
      </left>
      <right style="thin">
        <color rgb="FFF2F2F2"/>
      </right>
      <top style="thin">
        <color rgb="FFD9D9D9"/>
      </top>
      <bottom style="thin">
        <color rgb="FFD9D9D9"/>
      </bottom>
      <diagonal/>
    </border>
    <border>
      <left style="thin">
        <color theme="0" tint="-4.9012726218451493E-2"/>
      </left>
      <right style="thin">
        <color theme="0" tint="-4.9012726218451493E-2"/>
      </right>
      <top style="thin">
        <color theme="0" tint="-0.14783165990173039"/>
      </top>
      <bottom style="thin">
        <color theme="0" tint="-0.14783165990173039"/>
      </bottom>
      <diagonal/>
    </border>
    <border>
      <left style="thin">
        <color rgb="FFF2F2F2"/>
      </left>
      <right style="thin">
        <color rgb="FFD9D9D9"/>
      </right>
      <top style="thin">
        <color rgb="FFD9D9D9"/>
      </top>
      <bottom style="thin">
        <color rgb="FFD9D9D9"/>
      </bottom>
      <diagonal/>
    </border>
    <border>
      <left style="thin">
        <color rgb="FFF3F3F3"/>
      </left>
      <right/>
      <top style="thin">
        <color rgb="FFD9D9D9"/>
      </top>
      <bottom style="thin">
        <color rgb="FFD9D9D9"/>
      </bottom>
      <diagonal/>
    </border>
    <border>
      <left style="thin">
        <color rgb="FFF3F3F3"/>
      </left>
      <right style="thin">
        <color rgb="FFF3F3F3"/>
      </right>
      <top style="thin">
        <color rgb="FFD9D9D9"/>
      </top>
      <bottom style="thin">
        <color rgb="FFF3F3F3"/>
      </bottom>
      <diagonal/>
    </border>
    <border>
      <left/>
      <right style="thin">
        <color theme="0" tint="-0.14783165990173039"/>
      </right>
      <top style="thin">
        <color theme="0" tint="-4.760887478255562E-2"/>
      </top>
      <bottom style="thin">
        <color theme="0" tint="-4.760887478255562E-2"/>
      </bottom>
      <diagonal/>
    </border>
    <border>
      <left style="thin">
        <color rgb="FFF3F3F3"/>
      </left>
      <right/>
      <top style="thin">
        <color rgb="FFF3F3F3"/>
      </top>
      <bottom style="thin">
        <color rgb="FFF3F3F3"/>
      </bottom>
      <diagonal/>
    </border>
    <border>
      <left style="thin">
        <color rgb="FFF3F3F3"/>
      </left>
      <right style="thin">
        <color rgb="FFF3F3F3"/>
      </right>
      <top style="thin">
        <color rgb="FFF3F3F3"/>
      </top>
      <bottom style="thin">
        <color rgb="FFD9D9D9"/>
      </bottom>
      <diagonal/>
    </border>
    <border>
      <left/>
      <right style="thin">
        <color theme="0" tint="-0.1477706228827784"/>
      </right>
      <top style="thin">
        <color theme="0" tint="-0.14780114139225439"/>
      </top>
      <bottom style="thin">
        <color theme="0" tint="-0.14780114139225439"/>
      </bottom>
      <diagonal/>
    </border>
    <border>
      <left style="thin">
        <color theme="0" tint="-0.14621417889950256"/>
      </left>
      <right/>
      <top style="thin">
        <color theme="0" tint="-0.14624469740897855"/>
      </top>
      <bottom style="thin">
        <color theme="0" tint="-0.14624469740897855"/>
      </bottom>
      <diagonal/>
    </border>
    <border>
      <left/>
      <right/>
      <top style="thin">
        <color theme="0" tint="-0.14624469740897855"/>
      </top>
      <bottom style="thin">
        <color theme="0" tint="-0.14624469740897855"/>
      </bottom>
      <diagonal/>
    </border>
    <border>
      <left/>
      <right style="thin">
        <color theme="0" tint="-0.14621417889950256"/>
      </right>
      <top style="thin">
        <color theme="0" tint="-0.14624469740897855"/>
      </top>
      <bottom style="thin">
        <color theme="0" tint="-0.14624469740897855"/>
      </bottom>
      <diagonal/>
    </border>
    <border>
      <left style="thin">
        <color theme="0" tint="-0.14621417889950256"/>
      </left>
      <right style="thin">
        <color theme="0" tint="-4.3916135135959961E-2"/>
      </right>
      <top style="thin">
        <color theme="0" tint="-0.14624469740897855"/>
      </top>
      <bottom/>
      <diagonal/>
    </border>
    <border>
      <left style="thin">
        <color theme="0" tint="-4.3916135135959961E-2"/>
      </left>
      <right style="thin">
        <color theme="0" tint="-4.3916135135959961E-2"/>
      </right>
      <top style="thin">
        <color theme="0" tint="-0.14624469740897855"/>
      </top>
      <bottom/>
      <diagonal/>
    </border>
    <border>
      <left/>
      <right style="thin">
        <color rgb="FFDADADA"/>
      </right>
      <top/>
      <bottom style="thin">
        <color rgb="FFDADADA"/>
      </bottom>
      <diagonal/>
    </border>
    <border>
      <left style="thin">
        <color theme="0" tint="-0.14621417889950256"/>
      </left>
      <right style="thin">
        <color theme="0" tint="-4.3916135135959961E-2"/>
      </right>
      <top/>
      <bottom style="thin">
        <color theme="0" tint="-0.14624469740897855"/>
      </bottom>
      <diagonal/>
    </border>
    <border>
      <left style="thin">
        <color theme="0" tint="-4.3916135135959961E-2"/>
      </left>
      <right style="thin">
        <color theme="0" tint="-4.3916135135959961E-2"/>
      </right>
      <top/>
      <bottom style="thin">
        <color theme="0" tint="-0.14624469740897855"/>
      </bottom>
      <diagonal/>
    </border>
    <border>
      <left style="thin">
        <color theme="0" tint="-4.3916135135959961E-2"/>
      </left>
      <right style="thin">
        <color theme="0" tint="-0.14621417889950256"/>
      </right>
      <top/>
      <bottom style="thin">
        <color theme="0" tint="-0.14624469740897855"/>
      </bottom>
      <diagonal/>
    </border>
    <border>
      <left style="thin">
        <color rgb="FFDADADA"/>
      </left>
      <right style="thin">
        <color rgb="FFF4F4F4"/>
      </right>
      <top style="thin">
        <color rgb="FFDADADA"/>
      </top>
      <bottom style="thin">
        <color rgb="FFF4F4F4"/>
      </bottom>
      <diagonal/>
    </border>
    <border>
      <left style="thin">
        <color rgb="FFF4F4F4"/>
      </left>
      <right style="thin">
        <color rgb="FFF4F4F4"/>
      </right>
      <top style="thin">
        <color rgb="FFDADADA"/>
      </top>
      <bottom style="thin">
        <color rgb="FFF4F4F4"/>
      </bottom>
      <diagonal/>
    </border>
    <border>
      <left style="thin">
        <color rgb="FFF4F4F4"/>
      </left>
      <right style="thin">
        <color rgb="FFDADADA"/>
      </right>
      <top style="thin">
        <color rgb="FFDADADA"/>
      </top>
      <bottom style="thin">
        <color rgb="FFF4F4F4"/>
      </bottom>
      <diagonal/>
    </border>
    <border>
      <left style="thin">
        <color rgb="FFF4F4F4"/>
      </left>
      <right/>
      <top style="thin">
        <color rgb="FFDADADA"/>
      </top>
      <bottom style="thin">
        <color rgb="FFF4F4F4"/>
      </bottom>
      <diagonal/>
    </border>
    <border>
      <left style="thin">
        <color rgb="FFDADADA"/>
      </left>
      <right style="thin">
        <color rgb="FFF4F4F4"/>
      </right>
      <top style="thin">
        <color rgb="FFF4F4F4"/>
      </top>
      <bottom style="thin">
        <color rgb="FFF4F4F4"/>
      </bottom>
      <diagonal/>
    </border>
    <border>
      <left style="thin">
        <color rgb="FFF4F4F4"/>
      </left>
      <right style="thin">
        <color rgb="FFF4F4F4"/>
      </right>
      <top style="thin">
        <color rgb="FFF4F4F4"/>
      </top>
      <bottom style="thin">
        <color rgb="FFF4F4F4"/>
      </bottom>
      <diagonal/>
    </border>
    <border>
      <left style="thin">
        <color rgb="FFF4F4F4"/>
      </left>
      <right style="thin">
        <color rgb="FFDADADA"/>
      </right>
      <top style="thin">
        <color rgb="FFF4F4F4"/>
      </top>
      <bottom style="thin">
        <color rgb="FFF4F4F4"/>
      </bottom>
      <diagonal/>
    </border>
    <border>
      <left style="thin">
        <color rgb="FFF4F4F4"/>
      </left>
      <right/>
      <top style="thin">
        <color rgb="FFF4F4F4"/>
      </top>
      <bottom style="thin">
        <color rgb="FFF4F4F4"/>
      </bottom>
      <diagonal/>
    </border>
    <border>
      <left style="thin">
        <color rgb="FFDADADA"/>
      </left>
      <right style="thin">
        <color rgb="FFF4F4F4"/>
      </right>
      <top style="thin">
        <color rgb="FFF4F4F4"/>
      </top>
      <bottom style="thin">
        <color rgb="FFF3F3F3"/>
      </bottom>
      <diagonal/>
    </border>
    <border>
      <left style="thin">
        <color rgb="FFF4F4F4"/>
      </left>
      <right style="thin">
        <color rgb="FFF4F4F4"/>
      </right>
      <top style="thin">
        <color rgb="FFF4F4F4"/>
      </top>
      <bottom style="thin">
        <color rgb="FFF3F3F3"/>
      </bottom>
      <diagonal/>
    </border>
    <border>
      <left style="thin">
        <color rgb="FFF4F4F4"/>
      </left>
      <right style="thin">
        <color rgb="FFDADADA"/>
      </right>
      <top style="thin">
        <color rgb="FFF4F4F4"/>
      </top>
      <bottom style="thin">
        <color rgb="FFF3F3F3"/>
      </bottom>
      <diagonal/>
    </border>
    <border>
      <left style="thin">
        <color rgb="FFF4F4F4"/>
      </left>
      <right/>
      <top style="thin">
        <color rgb="FFF4F4F4"/>
      </top>
      <bottom style="thin">
        <color rgb="FFF3F3F3"/>
      </bottom>
      <diagonal/>
    </border>
    <border>
      <left style="thin">
        <color rgb="FFDADADA"/>
      </left>
      <right style="thin">
        <color rgb="FFF4F4F4"/>
      </right>
      <top style="thin">
        <color rgb="FFF3F3F3"/>
      </top>
      <bottom style="thin">
        <color rgb="FFDADADA"/>
      </bottom>
      <diagonal/>
    </border>
    <border>
      <left style="thin">
        <color rgb="FFF4F4F4"/>
      </left>
      <right style="thin">
        <color rgb="FFF4F4F4"/>
      </right>
      <top style="thin">
        <color rgb="FFF3F3F3"/>
      </top>
      <bottom style="thin">
        <color rgb="FFDADADA"/>
      </bottom>
      <diagonal/>
    </border>
    <border>
      <left style="thin">
        <color rgb="FFF4F4F4"/>
      </left>
      <right style="thin">
        <color rgb="FFDADADA"/>
      </right>
      <top style="thin">
        <color rgb="FFF3F3F3"/>
      </top>
      <bottom style="thin">
        <color rgb="FFDADADA"/>
      </bottom>
      <diagonal/>
    </border>
    <border>
      <left style="thin">
        <color rgb="FFF4F4F4"/>
      </left>
      <right/>
      <top style="thin">
        <color rgb="FFF3F3F3"/>
      </top>
      <bottom style="thin">
        <color rgb="FFDADADA"/>
      </bottom>
      <diagonal/>
    </border>
    <border>
      <left style="thin">
        <color rgb="FFDADADA"/>
      </left>
      <right style="thin">
        <color rgb="FFF4F4F4"/>
      </right>
      <top style="thin">
        <color rgb="FFDADADA"/>
      </top>
      <bottom style="thin">
        <color rgb="FFF3F3F3"/>
      </bottom>
      <diagonal/>
    </border>
    <border>
      <left style="thin">
        <color rgb="FFF4F4F4"/>
      </left>
      <right style="thin">
        <color rgb="FFF4F4F4"/>
      </right>
      <top style="thin">
        <color rgb="FFDADADA"/>
      </top>
      <bottom style="thin">
        <color rgb="FFF3F3F3"/>
      </bottom>
      <diagonal/>
    </border>
    <border>
      <left style="thin">
        <color rgb="FFF4F4F4"/>
      </left>
      <right style="thin">
        <color rgb="FFDADADA"/>
      </right>
      <top style="thin">
        <color rgb="FFDADADA"/>
      </top>
      <bottom style="thin">
        <color rgb="FFF3F3F3"/>
      </bottom>
      <diagonal/>
    </border>
    <border>
      <left style="thin">
        <color rgb="FFF4F4F4"/>
      </left>
      <right/>
      <top style="thin">
        <color rgb="FFDADADA"/>
      </top>
      <bottom style="thin">
        <color rgb="FFF3F3F3"/>
      </bottom>
      <diagonal/>
    </border>
    <border>
      <left style="thin">
        <color rgb="FFDADADA"/>
      </left>
      <right style="thin">
        <color rgb="FFF4F4F4"/>
      </right>
      <top style="thin">
        <color rgb="FFF3F3F3"/>
      </top>
      <bottom style="thin">
        <color rgb="FFF4F4F4"/>
      </bottom>
      <diagonal/>
    </border>
    <border>
      <left style="thin">
        <color rgb="FFF4F4F4"/>
      </left>
      <right style="thin">
        <color rgb="FFF4F4F4"/>
      </right>
      <top style="thin">
        <color rgb="FFF3F3F3"/>
      </top>
      <bottom style="thin">
        <color rgb="FFF4F4F4"/>
      </bottom>
      <diagonal/>
    </border>
    <border>
      <left style="thin">
        <color rgb="FFF4F4F4"/>
      </left>
      <right style="thin">
        <color rgb="FFDADADA"/>
      </right>
      <top style="thin">
        <color rgb="FFF3F3F3"/>
      </top>
      <bottom style="thin">
        <color rgb="FFF4F4F4"/>
      </bottom>
      <diagonal/>
    </border>
    <border>
      <left style="thin">
        <color rgb="FFF4F4F4"/>
      </left>
      <right/>
      <top style="thin">
        <color rgb="FFF3F3F3"/>
      </top>
      <bottom style="thin">
        <color rgb="FFF4F4F4"/>
      </bottom>
      <diagonal/>
    </border>
    <border>
      <left style="thin">
        <color rgb="FFDADADA"/>
      </left>
      <right style="thin">
        <color rgb="FFF4F4F4"/>
      </right>
      <top style="thin">
        <color rgb="FFF4F4F4"/>
      </top>
      <bottom style="thin">
        <color rgb="FFDADADA"/>
      </bottom>
      <diagonal/>
    </border>
    <border>
      <left style="thin">
        <color rgb="FFF4F4F4"/>
      </left>
      <right style="thin">
        <color rgb="FFF4F4F4"/>
      </right>
      <top style="thin">
        <color rgb="FFF4F4F4"/>
      </top>
      <bottom style="thin">
        <color rgb="FFDADADA"/>
      </bottom>
      <diagonal/>
    </border>
    <border>
      <left style="thin">
        <color rgb="FFF4F4F4"/>
      </left>
      <right style="thin">
        <color rgb="FFDADADA"/>
      </right>
      <top style="thin">
        <color rgb="FFF4F4F4"/>
      </top>
      <bottom style="thin">
        <color rgb="FFDADADA"/>
      </bottom>
      <diagonal/>
    </border>
    <border>
      <left style="thin">
        <color rgb="FFF4F4F4"/>
      </left>
      <right/>
      <top style="thin">
        <color rgb="FFF4F4F4"/>
      </top>
      <bottom style="thin">
        <color rgb="FFDADADA"/>
      </bottom>
      <diagonal/>
    </border>
    <border>
      <left style="thin">
        <color theme="0" tint="-0.14624469740897855"/>
      </left>
      <right/>
      <top style="thin">
        <color theme="0" tint="-0.14627521591845455"/>
      </top>
      <bottom style="thin">
        <color theme="0" tint="-0.14627521591845455"/>
      </bottom>
      <diagonal/>
    </border>
    <border>
      <left style="thin">
        <color theme="0" tint="-0.14624469740897855"/>
      </left>
      <right/>
      <top style="thin">
        <color theme="0" tint="-0.14627521591845455"/>
      </top>
      <bottom style="thin">
        <color theme="0" tint="-4.6296578875087743E-2"/>
      </bottom>
      <diagonal/>
    </border>
    <border>
      <left/>
      <right style="thin">
        <color theme="0" tint="-0.14624469740897855"/>
      </right>
      <top style="thin">
        <color theme="0" tint="-0.14627521591845455"/>
      </top>
      <bottom style="thin">
        <color theme="0" tint="-0.14624469740897855"/>
      </bottom>
      <diagonal/>
    </border>
    <border>
      <left/>
      <right/>
      <top style="thin">
        <color rgb="FFDADADA"/>
      </top>
      <bottom style="thin">
        <color rgb="FFDADADA"/>
      </bottom>
      <diagonal/>
    </border>
    <border>
      <left/>
      <right style="thin">
        <color theme="0" tint="-0.14810632648701438"/>
      </right>
      <top style="thin">
        <color theme="0" tint="-0.14810632648701438"/>
      </top>
      <bottom/>
      <diagonal/>
    </border>
    <border>
      <left style="thin">
        <color theme="0" tint="-0.14810632648701438"/>
      </left>
      <right/>
      <top style="thin">
        <color theme="0" tint="-0.14810632648701438"/>
      </top>
      <bottom/>
      <diagonal/>
    </border>
    <border>
      <left/>
      <right/>
      <top style="thin">
        <color theme="0" tint="-0.14810632648701438"/>
      </top>
      <bottom/>
      <diagonal/>
    </border>
    <border>
      <left style="thin">
        <color theme="0" tint="-0.14810632648701438"/>
      </left>
      <right style="thin">
        <color theme="0" tint="-0.14810632648701438"/>
      </right>
      <top style="thin">
        <color theme="0" tint="-0.14810632648701438"/>
      </top>
      <bottom/>
      <diagonal/>
    </border>
    <border>
      <left style="thin">
        <color rgb="FFD9D9D9"/>
      </left>
      <right/>
      <top style="thin">
        <color rgb="FFD9D9D9"/>
      </top>
      <bottom/>
      <diagonal/>
    </border>
    <border>
      <left/>
      <right style="thin">
        <color theme="0" tint="-0.14810632648701438"/>
      </right>
      <top/>
      <bottom style="thin">
        <color theme="0" tint="-0.14810632648701438"/>
      </bottom>
      <diagonal/>
    </border>
    <border>
      <left style="thin">
        <color theme="0" tint="-0.14810632648701438"/>
      </left>
      <right/>
      <top/>
      <bottom style="thin">
        <color theme="0" tint="-0.14810632648701438"/>
      </bottom>
      <diagonal/>
    </border>
    <border>
      <left/>
      <right/>
      <top/>
      <bottom style="thin">
        <color theme="0" tint="-0.14810632648701438"/>
      </bottom>
      <diagonal/>
    </border>
    <border>
      <left style="thin">
        <color theme="0" tint="-0.14810632648701438"/>
      </left>
      <right style="thin">
        <color theme="0" tint="-0.14810632648701438"/>
      </right>
      <top/>
      <bottom style="thin">
        <color theme="0" tint="-0.14810632648701438"/>
      </bottom>
      <diagonal/>
    </border>
    <border>
      <left style="thin">
        <color rgb="FFD9D9D9"/>
      </left>
      <right/>
      <top/>
      <bottom style="thin">
        <color rgb="FFD9D9D9"/>
      </bottom>
      <diagonal/>
    </border>
    <border>
      <left/>
      <right style="thin">
        <color theme="0" tint="-0.14810632648701438"/>
      </right>
      <top style="thin">
        <color theme="0" tint="-0.14810632648701438"/>
      </top>
      <bottom style="thin">
        <color theme="0" tint="-0.14810632648701438"/>
      </bottom>
      <diagonal/>
    </border>
    <border>
      <left style="thin">
        <color theme="0" tint="-0.14810632648701438"/>
      </left>
      <right/>
      <top style="thin">
        <color theme="0" tint="-0.14810632648701438"/>
      </top>
      <bottom style="thin">
        <color theme="0" tint="-0.14810632648701438"/>
      </bottom>
      <diagonal/>
    </border>
    <border>
      <left/>
      <right/>
      <top style="thin">
        <color theme="0" tint="-0.14810632648701438"/>
      </top>
      <bottom style="thin">
        <color theme="0" tint="-0.14810632648701438"/>
      </bottom>
      <diagonal/>
    </border>
    <border>
      <left style="thin">
        <color theme="0" tint="-0.14810632648701438"/>
      </left>
      <right style="thin">
        <color theme="0" tint="-0.14810632648701438"/>
      </right>
      <top style="thin">
        <color theme="0" tint="-0.14810632648701438"/>
      </top>
      <bottom style="thin">
        <color theme="0" tint="-0.14810632648701438"/>
      </bottom>
      <diagonal/>
    </border>
    <border>
      <left/>
      <right style="thin">
        <color theme="0" tint="-0.14810632648701438"/>
      </right>
      <top style="thin">
        <color theme="0" tint="-4.596087527085177E-2"/>
      </top>
      <bottom style="thin">
        <color theme="0" tint="-4.596087527085177E-2"/>
      </bottom>
      <diagonal/>
    </border>
    <border>
      <left/>
      <right style="thin">
        <color theme="0" tint="-0.14810632648701438"/>
      </right>
      <top style="thin">
        <color theme="0" tint="-4.596087527085177E-2"/>
      </top>
      <bottom style="hair">
        <color auto="1"/>
      </bottom>
      <diagonal/>
    </border>
    <border>
      <left style="thin">
        <color rgb="FFD9D9D9"/>
      </left>
      <right/>
      <top style="thin">
        <color rgb="FFF3F3F3"/>
      </top>
      <bottom style="hair">
        <color auto="1"/>
      </bottom>
      <diagonal/>
    </border>
    <border>
      <left/>
      <right style="thin">
        <color theme="0" tint="-0.14810632648701438"/>
      </right>
      <top style="thin">
        <color theme="0" tint="-4.596087527085177E-2"/>
      </top>
      <bottom style="thin">
        <color theme="0" tint="-0.14810632648701438"/>
      </bottom>
      <diagonal/>
    </border>
    <border>
      <left/>
      <right style="thin">
        <color theme="0" tint="-0.14804528946806239"/>
      </right>
      <top style="thin">
        <color theme="0" tint="-0.14804528946806239"/>
      </top>
      <bottom style="thin">
        <color theme="0" tint="-0.14804528946806239"/>
      </bottom>
      <diagonal/>
    </border>
    <border>
      <left/>
      <right/>
      <top style="thin">
        <color theme="0" tint="-0.14804528946806239"/>
      </top>
      <bottom style="thin">
        <color theme="0" tint="-0.14804528946806239"/>
      </bottom>
      <diagonal/>
    </border>
    <border>
      <left style="thin">
        <color theme="0" tint="-0.14804528946806239"/>
      </left>
      <right/>
      <top style="thin">
        <color theme="0" tint="-0.14804528946806239"/>
      </top>
      <bottom style="thin">
        <color theme="0" tint="-0.14804528946806239"/>
      </bottom>
      <diagonal/>
    </border>
    <border>
      <left style="thin">
        <color theme="0" tint="-0.14801477095858639"/>
      </left>
      <right/>
      <top style="thin">
        <color theme="0" tint="-0.14804528946806239"/>
      </top>
      <bottom style="thin">
        <color theme="0" tint="-0.14804528946806239"/>
      </bottom>
      <diagonal/>
    </border>
    <border>
      <left/>
      <right style="thin">
        <color theme="0" tint="-0.14804528946806239"/>
      </right>
      <top style="thin">
        <color theme="0" tint="-4.7822504348887601E-2"/>
      </top>
      <bottom style="thin">
        <color theme="0" tint="-4.7822504348887601E-2"/>
      </bottom>
      <diagonal/>
    </border>
    <border>
      <left/>
      <right style="thin">
        <color theme="0" tint="-0.14804528946806239"/>
      </right>
      <top style="thin">
        <color theme="0" tint="-4.7791985839411605E-2"/>
      </top>
      <bottom style="thin">
        <color theme="0" tint="-4.7822504348887601E-2"/>
      </bottom>
      <diagonal/>
    </border>
    <border>
      <left/>
      <right style="thin">
        <color theme="0" tint="-0.14804528946806239"/>
      </right>
      <top style="thin">
        <color theme="0" tint="-4.7822504348887601E-2"/>
      </top>
      <bottom style="thin">
        <color theme="0" tint="-0.14804528946806239"/>
      </bottom>
      <diagonal/>
    </border>
    <border>
      <left/>
      <right style="thin">
        <color theme="0" tint="-0.14804528946806239"/>
      </right>
      <top style="thin">
        <color theme="0" tint="-0.14804528946806239"/>
      </top>
      <bottom style="thin">
        <color theme="0" tint="-0.14801477095858639"/>
      </bottom>
      <diagonal/>
    </border>
    <border>
      <left/>
      <right style="thin">
        <color theme="0" tint="-0.14752647480697043"/>
      </right>
      <top style="thin">
        <color theme="0" tint="-0.14752647480697043"/>
      </top>
      <bottom style="thin">
        <color theme="0" tint="-0.14752647480697043"/>
      </bottom>
      <diagonal/>
    </border>
    <border>
      <left/>
      <right/>
      <top style="thin">
        <color theme="0" tint="-0.14752647480697043"/>
      </top>
      <bottom style="thin">
        <color theme="0" tint="-0.14752647480697043"/>
      </bottom>
      <diagonal/>
    </border>
    <border>
      <left style="thin">
        <color theme="0" tint="-0.14752647480697043"/>
      </left>
      <right/>
      <top style="thin">
        <color theme="0" tint="-0.14752647480697043"/>
      </top>
      <bottom style="thin">
        <color theme="0" tint="-0.14752647480697043"/>
      </bottom>
      <diagonal/>
    </border>
    <border>
      <left style="thin">
        <color theme="0" tint="-0.14749595629749443"/>
      </left>
      <right/>
      <top style="thin">
        <color theme="0" tint="-0.14752647480697043"/>
      </top>
      <bottom style="thin">
        <color theme="0" tint="-0.14752647480697043"/>
      </bottom>
      <diagonal/>
    </border>
    <border>
      <left/>
      <right/>
      <top style="thin">
        <color theme="0" tint="-4.7425763725699635E-2"/>
      </top>
      <bottom style="thin">
        <color theme="0" tint="-4.7425763725699635E-2"/>
      </bottom>
      <diagonal/>
    </border>
    <border>
      <left/>
      <right style="thin">
        <color theme="0" tint="-0.14752647480697043"/>
      </right>
      <top style="thin">
        <color theme="0" tint="-4.7425763725699635E-2"/>
      </top>
      <bottom style="thin">
        <color theme="0" tint="-4.7425763725699635E-2"/>
      </bottom>
      <diagonal/>
    </border>
    <border>
      <left style="thin">
        <color theme="0" tint="-0.14752647480697043"/>
      </left>
      <right/>
      <top style="thin">
        <color theme="0" tint="-4.7425763725699635E-2"/>
      </top>
      <bottom style="thin">
        <color theme="0" tint="-4.7425763725699635E-2"/>
      </bottom>
      <diagonal/>
    </border>
    <border>
      <left style="thin">
        <color theme="0" tint="-0.14749595629749443"/>
      </left>
      <right/>
      <top style="thin">
        <color theme="0" tint="-4.7425763725699635E-2"/>
      </top>
      <bottom style="thin">
        <color theme="0" tint="-4.7425763725699635E-2"/>
      </bottom>
      <diagonal/>
    </border>
    <border>
      <left/>
      <right style="thin">
        <color theme="0" tint="-0.14752647480697043"/>
      </right>
      <top style="thin">
        <color theme="0" tint="-4.7425763725699635E-2"/>
      </top>
      <bottom style="thin">
        <color theme="0" tint="-0.14752647480697043"/>
      </bottom>
      <diagonal/>
    </border>
    <border>
      <left/>
      <right/>
      <top style="thin">
        <color theme="0" tint="-4.7425763725699635E-2"/>
      </top>
      <bottom style="thin">
        <color theme="0" tint="-0.14752647480697043"/>
      </bottom>
      <diagonal/>
    </border>
    <border>
      <left/>
      <right style="thin">
        <color theme="0" tint="-0.14642780846583453"/>
      </right>
      <top style="thin">
        <color theme="0" tint="-0.14642780846583453"/>
      </top>
      <bottom style="thin">
        <color theme="0" tint="-0.14642780846583453"/>
      </bottom>
      <diagonal/>
    </border>
    <border>
      <left/>
      <right/>
      <top style="thin">
        <color theme="0" tint="-0.14642780846583453"/>
      </top>
      <bottom style="thin">
        <color theme="0" tint="-0.14642780846583453"/>
      </bottom>
      <diagonal/>
    </border>
    <border>
      <left style="thin">
        <color theme="0" tint="-0.14642780846583453"/>
      </left>
      <right/>
      <top style="thin">
        <color theme="0" tint="-0.14642780846583453"/>
      </top>
      <bottom style="thin">
        <color theme="0" tint="-0.14642780846583453"/>
      </bottom>
      <diagonal/>
    </border>
    <border>
      <left/>
      <right style="thin">
        <color theme="0" tint="-0.14639728995635853"/>
      </right>
      <top style="thin">
        <color theme="0" tint="-0.14642780846583453"/>
      </top>
      <bottom style="thin">
        <color theme="0" tint="-0.14642780846583453"/>
      </bottom>
      <diagonal/>
    </border>
    <border>
      <left/>
      <right style="thin">
        <color theme="0" tint="-0.14642780846583453"/>
      </right>
      <top style="thin">
        <color theme="0" tint="-4.5930356761375773E-2"/>
      </top>
      <bottom style="thin">
        <color theme="0" tint="-4.5930356761375773E-2"/>
      </bottom>
      <diagonal/>
    </border>
    <border>
      <left/>
      <right style="thin">
        <color theme="0" tint="-0.14642780846583453"/>
      </right>
      <top style="thin">
        <color theme="0" tint="-4.5930356761375773E-2"/>
      </top>
      <bottom style="thin">
        <color theme="0" tint="-0.14642780846583453"/>
      </bottom>
      <diagonal/>
    </border>
    <border>
      <left/>
      <right style="thin">
        <color theme="0" tint="-0.14105655079805901"/>
      </right>
      <top style="thin">
        <color theme="0" tint="-0.14105655079805901"/>
      </top>
      <bottom style="thin">
        <color theme="0" tint="-0.14105655079805901"/>
      </bottom>
      <diagonal/>
    </border>
    <border>
      <left/>
      <right/>
      <top style="thin">
        <color theme="0" tint="-0.14105655079805901"/>
      </top>
      <bottom style="thin">
        <color theme="0" tint="-0.14105655079805901"/>
      </bottom>
      <diagonal/>
    </border>
    <border>
      <left style="thin">
        <color theme="0" tint="-0.14105655079805901"/>
      </left>
      <right/>
      <top style="thin">
        <color theme="0" tint="-0.14105655079805901"/>
      </top>
      <bottom style="thin">
        <color theme="0" tint="-0.14105655079805901"/>
      </bottom>
      <diagonal/>
    </border>
    <border>
      <left/>
      <right style="thin">
        <color theme="0" tint="-0.14105655079805901"/>
      </right>
      <top style="thin">
        <color theme="0" tint="-4.031495101779229E-2"/>
      </top>
      <bottom style="thin">
        <color theme="0" tint="-4.031495101779229E-2"/>
      </bottom>
      <diagonal/>
    </border>
    <border>
      <left/>
      <right style="thin">
        <color theme="0" tint="-0.14105655079805901"/>
      </right>
      <top style="thin">
        <color theme="0" tint="-4.031495101779229E-2"/>
      </top>
      <bottom style="thin">
        <color theme="0" tint="-0.14105655079805901"/>
      </bottom>
      <diagonal/>
    </border>
    <border>
      <left/>
      <right style="thin">
        <color theme="0" tint="-0.14062929166539506"/>
      </right>
      <top style="thin">
        <color theme="0" tint="-0.14062929166539506"/>
      </top>
      <bottom style="thin">
        <color theme="0" tint="-0.14062929166539506"/>
      </bottom>
      <diagonal/>
    </border>
    <border>
      <left/>
      <right style="thin">
        <color theme="0" tint="-0.14062929166539506"/>
      </right>
      <top style="thin">
        <color theme="0" tint="-0.14062929166539506"/>
      </top>
      <bottom style="thin">
        <color theme="0" tint="-0.14059877315591907"/>
      </bottom>
      <diagonal/>
    </border>
    <border>
      <left/>
      <right/>
      <top style="thin">
        <color theme="0" tint="-0.14062929166539506"/>
      </top>
      <bottom style="thin">
        <color theme="0" tint="-0.14059877315591907"/>
      </bottom>
      <diagonal/>
    </border>
    <border>
      <left style="thin">
        <color theme="0" tint="-0.14062929166539506"/>
      </left>
      <right/>
      <top style="thin">
        <color theme="0" tint="-0.14062929166539506"/>
      </top>
      <bottom style="thin">
        <color theme="0" tint="-0.14059877315591907"/>
      </bottom>
      <diagonal/>
    </border>
    <border>
      <left style="thin">
        <color rgb="FFDBDBDB"/>
      </left>
      <right/>
      <top style="thin">
        <color rgb="FFDBDBDB"/>
      </top>
      <bottom style="thin">
        <color rgb="FFDBDBDB"/>
      </bottom>
      <diagonal/>
    </border>
    <border>
      <left/>
      <right style="thin">
        <color theme="0" tint="-0.14059877315591907"/>
      </right>
      <top style="thin">
        <color theme="0" tint="-0.14062929166539506"/>
      </top>
      <bottom style="thin">
        <color theme="0" tint="-0.14059877315591907"/>
      </bottom>
      <diagonal/>
    </border>
    <border>
      <left style="thin">
        <color theme="0" tint="-0.14053773613696707"/>
      </left>
      <right/>
      <top style="thin">
        <color theme="0" tint="-0.14062929166539506"/>
      </top>
      <bottom style="thin">
        <color theme="0" tint="-0.14059877315591907"/>
      </bottom>
      <diagonal/>
    </border>
    <border>
      <left/>
      <right style="thin">
        <color rgb="FFD9D9D9"/>
      </right>
      <top style="thin">
        <color rgb="FFDBDBDB"/>
      </top>
      <bottom style="thin">
        <color rgb="FFD9D9D9"/>
      </bottom>
      <diagonal/>
    </border>
    <border>
      <left/>
      <right/>
      <top style="thin">
        <color rgb="FFDBDBDB"/>
      </top>
      <bottom style="thin">
        <color rgb="FFD9D9D9"/>
      </bottom>
      <diagonal/>
    </border>
    <border>
      <left/>
      <right style="thin">
        <color rgb="FFDBDBDB"/>
      </right>
      <top style="thin">
        <color rgb="FFDBDBDB"/>
      </top>
      <bottom style="thin">
        <color rgb="FFD9D9D9"/>
      </bottom>
      <diagonal/>
    </border>
    <border>
      <left style="thin">
        <color rgb="FFDBDBDB"/>
      </left>
      <right/>
      <top style="thin">
        <color rgb="FFDBDBDB"/>
      </top>
      <bottom style="thin">
        <color rgb="FFD9D9D9"/>
      </bottom>
      <diagonal/>
    </border>
    <border>
      <left/>
      <right style="thin">
        <color rgb="FFDADADA"/>
      </right>
      <top style="thin">
        <color rgb="FFD9D9D9"/>
      </top>
      <bottom style="thin">
        <color rgb="FFF2F2F2"/>
      </bottom>
      <diagonal/>
    </border>
    <border>
      <left/>
      <right/>
      <top style="thin">
        <color rgb="FFD9D9D9"/>
      </top>
      <bottom style="thin">
        <color rgb="FFF2F2F2"/>
      </bottom>
      <diagonal/>
    </border>
    <border>
      <left/>
      <right style="thin">
        <color rgb="FFDBDBDB"/>
      </right>
      <top style="thin">
        <color rgb="FFD9D9D9"/>
      </top>
      <bottom style="thin">
        <color rgb="FFF2F2F2"/>
      </bottom>
      <diagonal/>
    </border>
    <border>
      <left style="thin">
        <color rgb="FFDBDBDB"/>
      </left>
      <right/>
      <top style="thin">
        <color rgb="FFD9D9D9"/>
      </top>
      <bottom style="thin">
        <color rgb="FFF2F2F2"/>
      </bottom>
      <diagonal/>
    </border>
    <border>
      <left/>
      <right style="thin">
        <color theme="0" tint="-0.14697714163640249"/>
      </right>
      <top style="thin">
        <color theme="0" tint="-4.9592577898495437E-2"/>
      </top>
      <bottom style="thin">
        <color theme="0" tint="-4.9592577898495437E-2"/>
      </bottom>
      <diagonal/>
    </border>
    <border>
      <left style="thin">
        <color rgb="FFDBDBDB"/>
      </left>
      <right/>
      <top style="thin">
        <color rgb="FFF2F2F2"/>
      </top>
      <bottom style="thin">
        <color rgb="FFF2F2F2"/>
      </bottom>
      <diagonal/>
    </border>
    <border>
      <left/>
      <right style="thin">
        <color rgb="FFDADADA"/>
      </right>
      <top style="thin">
        <color rgb="FFF2F2F2"/>
      </top>
      <bottom style="thin">
        <color rgb="FFD9D9D9"/>
      </bottom>
      <diagonal/>
    </border>
    <border>
      <left/>
      <right/>
      <top style="thin">
        <color rgb="FFF2F2F2"/>
      </top>
      <bottom style="thin">
        <color rgb="FFD9D9D9"/>
      </bottom>
      <diagonal/>
    </border>
    <border>
      <left/>
      <right style="thin">
        <color rgb="FFDBDBDB"/>
      </right>
      <top style="thin">
        <color rgb="FFF2F2F2"/>
      </top>
      <bottom style="thin">
        <color rgb="FFD9D9D9"/>
      </bottom>
      <diagonal/>
    </border>
    <border>
      <left style="thin">
        <color rgb="FFDBDBDB"/>
      </left>
      <right/>
      <top style="thin">
        <color rgb="FFF2F2F2"/>
      </top>
      <bottom style="thin">
        <color rgb="FFD9D9D9"/>
      </bottom>
      <diagonal/>
    </border>
    <border>
      <left/>
      <right style="thin">
        <color theme="0" tint="-0.14737388225959044"/>
      </right>
      <top style="thin">
        <color theme="0" tint="-0.14957121494186223"/>
      </top>
      <bottom style="thin">
        <color theme="0" tint="-0.14957121494186223"/>
      </bottom>
      <diagonal/>
    </border>
    <border>
      <left style="thin">
        <color rgb="FFDBDBDB"/>
      </left>
      <right/>
      <top style="thin">
        <color rgb="FFD9D9D9"/>
      </top>
      <bottom style="thin">
        <color rgb="FFD9D9D9"/>
      </bottom>
      <diagonal/>
    </border>
    <border>
      <left/>
      <right style="thin">
        <color theme="0" tint="-0.14059877315591907"/>
      </right>
      <top style="thin">
        <color theme="0" tint="-4.9592577898495437E-2"/>
      </top>
      <bottom style="thin">
        <color theme="0" tint="-0.14957121494186223"/>
      </bottom>
      <diagonal/>
    </border>
    <border>
      <left/>
      <right/>
      <top/>
      <bottom style="thin">
        <color theme="0" tint="-0.14627521591845455"/>
      </bottom>
      <diagonal/>
    </border>
    <border>
      <left/>
      <right/>
      <top/>
      <bottom style="thin">
        <color rgb="FFDADADA"/>
      </bottom>
      <diagonal/>
    </border>
    <border>
      <left style="thin">
        <color theme="0" tint="-0.14645832697531053"/>
      </left>
      <right/>
      <top style="thin">
        <color theme="0" tint="-0.14648884548478652"/>
      </top>
      <bottom style="thin">
        <color theme="0" tint="-0.14648884548478652"/>
      </bottom>
      <diagonal/>
    </border>
    <border>
      <left/>
      <right/>
      <top style="thin">
        <color theme="0" tint="-0.14648884548478652"/>
      </top>
      <bottom style="thin">
        <color theme="0" tint="-0.14648884548478652"/>
      </bottom>
      <diagonal/>
    </border>
    <border>
      <left/>
      <right style="thin">
        <color theme="0" tint="-0.14645832697531053"/>
      </right>
      <top style="thin">
        <color theme="0" tint="-0.14648884548478652"/>
      </top>
      <bottom style="thin">
        <color theme="0" tint="-0.14648884548478652"/>
      </bottom>
      <diagonal/>
    </border>
    <border>
      <left/>
      <right/>
      <top/>
      <bottom style="thin">
        <color rgb="FFD9D9D9"/>
      </bottom>
      <diagonal/>
    </border>
    <border>
      <left/>
      <right/>
      <top style="thin">
        <color theme="0" tint="-0.1488387707144383"/>
      </top>
      <bottom style="thin">
        <color theme="0" tint="-0.1488387707144383"/>
      </bottom>
      <diagonal/>
    </border>
    <border>
      <left style="thin">
        <color theme="0" tint="-0.1488082522049623"/>
      </left>
      <right/>
      <top style="thin">
        <color theme="0" tint="-0.1488387707144383"/>
      </top>
      <bottom style="thin">
        <color theme="0" tint="-0.1488387707144383"/>
      </bottom>
      <diagonal/>
    </border>
    <border>
      <left style="thin">
        <color theme="0" tint="-0.1487777336954863"/>
      </left>
      <right/>
      <top style="thin">
        <color theme="0" tint="-0.1488387707144383"/>
      </top>
      <bottom style="thin">
        <color theme="0" tint="-0.1488387707144383"/>
      </bottom>
      <diagonal/>
    </border>
    <border>
      <left/>
      <right/>
      <top style="thin">
        <color rgb="FFD9D9D9"/>
      </top>
      <bottom style="thin">
        <color rgb="FFD9D9D9"/>
      </bottom>
      <diagonal/>
    </border>
    <border>
      <left/>
      <right/>
      <top/>
      <bottom style="thin">
        <color theme="0" tint="-0.1401104770043031"/>
      </bottom>
      <diagonal/>
    </border>
    <border>
      <left/>
      <right/>
      <top/>
      <bottom style="thin">
        <color rgb="FFDFDFDF"/>
      </bottom>
      <diagonal/>
    </border>
    <border>
      <left/>
      <right/>
      <top style="thin">
        <color rgb="FFDFDFDF"/>
      </top>
      <bottom style="thin">
        <color rgb="FFDBDBDB"/>
      </bottom>
      <diagonal/>
    </border>
    <border>
      <left/>
      <right style="thin">
        <color rgb="FFDBDBDB"/>
      </right>
      <top style="thin">
        <color rgb="FFDFDFDF"/>
      </top>
      <bottom style="thin">
        <color rgb="FFDBDBDB"/>
      </bottom>
      <diagonal/>
    </border>
    <border>
      <left style="thin">
        <color rgb="FFDBDBDB"/>
      </left>
      <right/>
      <top style="thin">
        <color rgb="FFDFDFDF"/>
      </top>
      <bottom style="thin">
        <color rgb="FFDBDBDB"/>
      </bottom>
      <diagonal/>
    </border>
    <border>
      <left/>
      <right/>
      <top/>
      <bottom style="thin">
        <color theme="0" tint="-0.13986632892849513"/>
      </bottom>
      <diagonal/>
    </border>
    <border>
      <left/>
      <right/>
      <top/>
      <bottom style="thin">
        <color theme="0" tint="-0.14398632770775474"/>
      </bottom>
      <diagonal/>
    </border>
    <border>
      <left style="thin">
        <color theme="0" tint="-0.14481032746360667"/>
      </left>
      <right/>
      <top style="thin">
        <color theme="0" tint="-0.14481032746360667"/>
      </top>
      <bottom style="thin">
        <color theme="0" tint="-0.14481032746360667"/>
      </bottom>
      <diagonal/>
    </border>
    <border>
      <left/>
      <right/>
      <top/>
      <bottom style="thin">
        <color theme="0" tint="-0.14722128971221046"/>
      </bottom>
      <diagonal/>
    </border>
    <border>
      <left/>
      <right/>
      <top/>
      <bottom style="thin">
        <color theme="0" tint="-0.14694662312692647"/>
      </bottom>
      <diagonal/>
    </border>
    <border>
      <left/>
      <right/>
      <top/>
      <bottom style="thin">
        <color theme="0" tint="-0.14712973418378247"/>
      </bottom>
      <diagonal/>
    </border>
    <border>
      <left/>
      <right style="thin">
        <color theme="0" tint="-0.14703817865535448"/>
      </right>
      <top style="thin">
        <color theme="0" tint="-0.14712973418378247"/>
      </top>
      <bottom style="thin">
        <color theme="0" tint="-0.14712973418378247"/>
      </bottom>
      <diagonal/>
    </border>
    <border>
      <left style="thin">
        <color theme="0" tint="-0.14783165990173039"/>
      </left>
      <right/>
      <top style="thin">
        <color theme="0" tint="-0.14792321543015838"/>
      </top>
      <bottom style="thin">
        <color theme="0" tint="-0.14792321543015838"/>
      </bottom>
      <diagonal/>
    </border>
    <border>
      <left style="thin">
        <color theme="0" tint="-0.1479537339396344"/>
      </left>
      <right/>
      <top style="thin">
        <color theme="0" tint="-0.14792321543015838"/>
      </top>
      <bottom style="thin">
        <color theme="0" tint="-0.14792321543015838"/>
      </bottom>
      <diagonal/>
    </border>
    <border>
      <left/>
      <right/>
      <top/>
      <bottom style="thin">
        <color theme="0" tint="-0.1477401043733024"/>
      </bottom>
      <diagonal/>
    </border>
    <border>
      <left style="thin">
        <color theme="0" tint="-0.14847254860072634"/>
      </left>
      <right/>
      <top style="thin">
        <color theme="0" tint="-0.14847254860072634"/>
      </top>
      <bottom style="thin">
        <color theme="0" tint="-0.14847254860072634"/>
      </bottom>
      <diagonal/>
    </border>
    <border>
      <left/>
      <right/>
      <top style="thin">
        <color theme="0" tint="-0.14847254860072634"/>
      </top>
      <bottom style="thin">
        <color theme="0" tint="-0.14847254860072634"/>
      </bottom>
      <diagonal/>
    </border>
    <border>
      <left/>
      <right/>
      <top/>
      <bottom style="thin">
        <color theme="0" tint="-0.14792321543015838"/>
      </bottom>
      <diagonal/>
    </border>
    <border>
      <left/>
      <right/>
      <top/>
      <bottom style="thin">
        <color theme="0" tint="-0.14783165990173039"/>
      </bottom>
      <diagonal/>
    </border>
    <border>
      <left style="thin">
        <color theme="0" tint="-0.14783165990173039"/>
      </left>
      <right/>
      <top style="thin">
        <color theme="0" tint="-0.14783165990173039"/>
      </top>
      <bottom style="thin">
        <color theme="0" tint="-0.14783165990173039"/>
      </bottom>
      <diagonal/>
    </border>
    <border>
      <left/>
      <right/>
      <top style="thin">
        <color theme="0" tint="-0.14783165990173039"/>
      </top>
      <bottom style="thin">
        <color theme="0" tint="-0.14783165990173039"/>
      </bottom>
      <diagonal/>
    </border>
    <border>
      <left/>
      <right/>
      <top/>
      <bottom style="thin">
        <color theme="0" tint="-0.14624469740897855"/>
      </bottom>
      <diagonal/>
    </border>
    <border>
      <left/>
      <right/>
      <top/>
      <bottom style="thin">
        <color theme="0" tint="-0.14804528946806239"/>
      </bottom>
      <diagonal/>
    </border>
    <border>
      <left/>
      <right style="thin">
        <color theme="0" tint="-0.14801477095858639"/>
      </right>
      <top style="thin">
        <color theme="0" tint="-0.14804528946806239"/>
      </top>
      <bottom style="thin">
        <color theme="0" tint="-0.14804528946806239"/>
      </bottom>
      <diagonal/>
    </border>
    <border>
      <left/>
      <right/>
      <top/>
      <bottom style="thin">
        <color theme="0" tint="-0.14752647480697043"/>
      </bottom>
      <diagonal/>
    </border>
    <border>
      <left/>
      <right/>
      <top/>
      <bottom style="thin">
        <color theme="0" tint="-0.14105655079805901"/>
      </bottom>
      <diagonal/>
    </border>
    <border>
      <left/>
      <right/>
      <top/>
      <bottom style="thin">
        <color theme="0" tint="-0.14062929166539506"/>
      </bottom>
      <diagonal/>
    </border>
    <border>
      <left/>
      <right/>
      <top style="thin">
        <color theme="0" tint="-0.14062929166539506"/>
      </top>
      <bottom style="thin">
        <color theme="0" tint="-0.14062929166539506"/>
      </bottom>
      <diagonal/>
    </border>
    <border>
      <left style="thin">
        <color theme="0" tint="-0.14062929166539506"/>
      </left>
      <right/>
      <top style="thin">
        <color theme="0" tint="-0.14062929166539506"/>
      </top>
      <bottom style="thin">
        <color theme="0" tint="-0.14062929166539506"/>
      </bottom>
      <diagonal/>
    </border>
    <border>
      <left/>
      <right style="thin">
        <color theme="0" tint="-0.14059877315591907"/>
      </right>
      <top style="thin">
        <color theme="0" tint="-0.14062929166539506"/>
      </top>
      <bottom style="thin">
        <color theme="0" tint="-0.14062929166539506"/>
      </bottom>
      <diagonal/>
    </border>
    <border>
      <left style="thin">
        <color theme="0" tint="-0.14053773613696707"/>
      </left>
      <right/>
      <top style="thin">
        <color theme="0" tint="-0.14062929166539506"/>
      </top>
      <bottom style="thin">
        <color theme="0" tint="-0.14062929166539506"/>
      </bottom>
      <diagonal/>
    </border>
    <border>
      <left/>
      <right/>
      <top style="thin">
        <color theme="0" tint="-4.5991393780327766E-2"/>
      </top>
      <bottom style="thin">
        <color theme="0" tint="-4.5991393780327766E-2"/>
      </bottom>
      <diagonal/>
    </border>
    <border>
      <left/>
      <right style="thin">
        <color theme="0" tint="-0.14597003082369456"/>
      </right>
      <top style="thin">
        <color theme="0" tint="-4.5991393780327766E-2"/>
      </top>
      <bottom style="thin">
        <color theme="0" tint="-4.5991393780327766E-2"/>
      </bottom>
      <diagonal/>
    </border>
    <border>
      <left style="thin">
        <color theme="0" tint="-0.14597003082369456"/>
      </left>
      <right/>
      <top style="thin">
        <color theme="0" tint="-4.5991393780327766E-2"/>
      </top>
      <bottom style="thin">
        <color theme="0" tint="-4.5991393780327766E-2"/>
      </bottom>
      <diagonal/>
    </border>
    <border>
      <left/>
      <right style="thin">
        <color theme="0" tint="-0.14593951231421856"/>
      </right>
      <top style="thin">
        <color theme="0" tint="-4.5991393780327766E-2"/>
      </top>
      <bottom style="thin">
        <color theme="0" tint="-4.5991393780327766E-2"/>
      </bottom>
      <diagonal/>
    </border>
    <border>
      <left/>
      <right/>
      <top style="thin">
        <color theme="0" tint="-4.5991393780327766E-2"/>
      </top>
      <bottom style="thin">
        <color theme="0" tint="-0.14597003082369456"/>
      </bottom>
      <diagonal/>
    </border>
    <border>
      <left/>
      <right style="thin">
        <color theme="0" tint="-0.14597003082369456"/>
      </right>
      <top style="thin">
        <color theme="0" tint="-4.5991393780327766E-2"/>
      </top>
      <bottom style="thin">
        <color theme="0" tint="-0.14597003082369456"/>
      </bottom>
      <diagonal/>
    </border>
    <border>
      <left style="thin">
        <color theme="0" tint="-0.14597003082369456"/>
      </left>
      <right/>
      <top style="thin">
        <color theme="0" tint="-4.5991393780327766E-2"/>
      </top>
      <bottom style="thin">
        <color theme="0" tint="-0.14597003082369456"/>
      </bottom>
      <diagonal/>
    </border>
    <border>
      <left/>
      <right style="thin">
        <color theme="0" tint="-0.14593951231421856"/>
      </right>
      <top style="thin">
        <color theme="0" tint="-4.5991393780327766E-2"/>
      </top>
      <bottom style="thin">
        <color theme="0" tint="-0.14597003082369456"/>
      </bottom>
      <diagonal/>
    </border>
    <border>
      <left/>
      <right/>
      <top style="thin">
        <color theme="0" tint="-0.14597003082369456"/>
      </top>
      <bottom style="thin">
        <color theme="0" tint="-0.14597003082369456"/>
      </bottom>
      <diagonal/>
    </border>
    <border>
      <left/>
      <right style="thin">
        <color theme="0" tint="-0.14597003082369456"/>
      </right>
      <top style="thin">
        <color theme="0" tint="-0.14597003082369456"/>
      </top>
      <bottom style="thin">
        <color theme="0" tint="-0.14597003082369456"/>
      </bottom>
      <diagonal/>
    </border>
    <border>
      <left style="thin">
        <color theme="0" tint="-0.14597003082369456"/>
      </left>
      <right/>
      <top style="thin">
        <color theme="0" tint="-0.14597003082369456"/>
      </top>
      <bottom style="thin">
        <color theme="0" tint="-0.14597003082369456"/>
      </bottom>
      <diagonal/>
    </border>
    <border>
      <left/>
      <right style="thin">
        <color theme="0" tint="-0.14593951231421856"/>
      </right>
      <top style="thin">
        <color theme="0" tint="-0.14597003082369456"/>
      </top>
      <bottom style="thin">
        <color theme="0" tint="-0.14597003082369456"/>
      </bottom>
      <diagonal/>
    </border>
    <border>
      <left/>
      <right/>
      <top style="thin">
        <color theme="0" tint="-0.14597003082369456"/>
      </top>
      <bottom style="thin">
        <color theme="0" tint="-4.5991393780327766E-2"/>
      </bottom>
      <diagonal/>
    </border>
    <border>
      <left/>
      <right style="thin">
        <color theme="0" tint="-0.14597003082369456"/>
      </right>
      <top style="thin">
        <color theme="0" tint="-0.14597003082369456"/>
      </top>
      <bottom style="thin">
        <color theme="0" tint="-4.5991393780327766E-2"/>
      </bottom>
      <diagonal/>
    </border>
    <border>
      <left style="thin">
        <color theme="0" tint="-0.14597003082369456"/>
      </left>
      <right/>
      <top style="thin">
        <color theme="0" tint="-0.14597003082369456"/>
      </top>
      <bottom style="thin">
        <color theme="0" tint="-4.5991393780327766E-2"/>
      </bottom>
      <diagonal/>
    </border>
    <border>
      <left/>
      <right style="thin">
        <color theme="0" tint="-0.14593951231421856"/>
      </right>
      <top style="thin">
        <color theme="0" tint="-0.14597003082369456"/>
      </top>
      <bottom style="thin">
        <color theme="0" tint="-4.5991393780327766E-2"/>
      </bottom>
      <diagonal/>
    </border>
    <border>
      <left style="thin">
        <color theme="0" tint="-0.14597003082369456"/>
      </left>
      <right style="thin">
        <color theme="0" tint="-0.14597003082369456"/>
      </right>
      <top style="thin">
        <color theme="0" tint="-0.14597003082369456"/>
      </top>
      <bottom/>
      <diagonal/>
    </border>
    <border>
      <left style="thin">
        <color theme="0" tint="-0.14597003082369456"/>
      </left>
      <right/>
      <top style="thin">
        <color theme="0" tint="-0.14590899380474256"/>
      </top>
      <bottom/>
      <diagonal/>
    </border>
    <border>
      <left style="thin">
        <color theme="0" tint="-0.14597003082369456"/>
      </left>
      <right style="thin">
        <color theme="0" tint="-0.14597003082369456"/>
      </right>
      <top/>
      <bottom/>
      <diagonal/>
    </border>
    <border>
      <left style="thin">
        <color theme="0" tint="-0.14597003082369456"/>
      </left>
      <right/>
      <top/>
      <bottom/>
      <diagonal/>
    </border>
    <border>
      <left style="thin">
        <color theme="0" tint="-0.14597003082369456"/>
      </left>
      <right style="thin">
        <color theme="0" tint="-0.14597003082369456"/>
      </right>
      <top style="thin">
        <color theme="0" tint="-4.5991393780327766E-2"/>
      </top>
      <bottom style="thin">
        <color theme="0" tint="-4.5991393780327766E-2"/>
      </bottom>
      <diagonal/>
    </border>
    <border>
      <left style="thin">
        <color theme="0" tint="-0.14597003082369456"/>
      </left>
      <right style="thin">
        <color theme="0" tint="-0.14597003082369456"/>
      </right>
      <top style="thin">
        <color theme="0" tint="-4.5991393780327766E-2"/>
      </top>
      <bottom style="thin">
        <color theme="0" tint="-0.14597003082369456"/>
      </bottom>
      <diagonal/>
    </border>
    <border>
      <left style="thin">
        <color theme="0" tint="-0.14597003082369456"/>
      </left>
      <right style="thin">
        <color theme="0" tint="-0.14597003082369456"/>
      </right>
      <top/>
      <bottom style="thin">
        <color theme="0" tint="-0.14597003082369456"/>
      </bottom>
      <diagonal/>
    </border>
    <border>
      <left style="thin">
        <color theme="0" tint="-0.14597003082369456"/>
      </left>
      <right style="thin">
        <color theme="0" tint="-0.14597003082369456"/>
      </right>
      <top style="thin">
        <color theme="0" tint="-0.14597003082369456"/>
      </top>
      <bottom style="thin">
        <color theme="0" tint="-0.14597003082369456"/>
      </bottom>
      <diagonal/>
    </border>
    <border>
      <left style="thin">
        <color theme="0" tint="-4.8860133671071504E-2"/>
      </left>
      <right style="thin">
        <color theme="0" tint="-4.9531540879543444E-2"/>
      </right>
      <top style="thin">
        <color theme="0" tint="-0.1488082522049623"/>
      </top>
      <bottom style="thin">
        <color theme="0" tint="-4.8860133671071504E-2"/>
      </bottom>
      <diagonal/>
    </border>
    <border>
      <left style="thin">
        <color theme="0" tint="-4.8860133671071504E-2"/>
      </left>
      <right style="thin">
        <color theme="0" tint="-4.9531540879543444E-2"/>
      </right>
      <top style="thin">
        <color theme="0" tint="-4.8860133671071504E-2"/>
      </top>
      <bottom style="thin">
        <color theme="0" tint="-4.8860133671071504E-2"/>
      </bottom>
      <diagonal/>
    </border>
    <border>
      <left style="thin">
        <color theme="0" tint="-4.8860133671071504E-2"/>
      </left>
      <right style="thin">
        <color theme="0" tint="-4.9531540879543444E-2"/>
      </right>
      <top style="thin">
        <color theme="0" tint="-4.8860133671071504E-2"/>
      </top>
      <bottom style="thin">
        <color theme="0" tint="-0.1488082522049623"/>
      </bottom>
      <diagonal/>
    </border>
    <border>
      <left/>
      <right/>
      <top style="thin">
        <color theme="0" tint="-3.933835871456038E-2"/>
      </top>
      <bottom style="thin">
        <color theme="0" tint="-3.933835871456038E-2"/>
      </bottom>
      <diagonal/>
    </border>
    <border>
      <left/>
      <right style="thin">
        <color theme="0" tint="-0.13931699575792719"/>
      </right>
      <top style="thin">
        <color theme="0" tint="-3.933835871456038E-2"/>
      </top>
      <bottom style="thin">
        <color theme="0" tint="-3.933835871456038E-2"/>
      </bottom>
      <diagonal/>
    </border>
    <border>
      <left style="thin">
        <color theme="0" tint="-0.13931699575792719"/>
      </left>
      <right/>
      <top style="thin">
        <color theme="0" tint="-3.933835871456038E-2"/>
      </top>
      <bottom style="thin">
        <color theme="0" tint="-3.933835871456038E-2"/>
      </bottom>
      <diagonal/>
    </border>
    <border>
      <left/>
      <right style="thin">
        <color theme="0" tint="-0.1392864772484512"/>
      </right>
      <top style="thin">
        <color theme="0" tint="-3.933835871456038E-2"/>
      </top>
      <bottom style="thin">
        <color theme="0" tint="-3.933835871456038E-2"/>
      </bottom>
      <diagonal/>
    </border>
    <border>
      <left/>
      <right/>
      <top style="thin">
        <color theme="0" tint="-0.13931699575792719"/>
      </top>
      <bottom style="thin">
        <color theme="0" tint="-0.13931699575792719"/>
      </bottom>
      <diagonal/>
    </border>
    <border>
      <left/>
      <right style="thin">
        <color theme="0" tint="-0.13931699575792719"/>
      </right>
      <top style="thin">
        <color theme="0" tint="-0.13931699575792719"/>
      </top>
      <bottom style="thin">
        <color theme="0" tint="-0.13931699575792719"/>
      </bottom>
      <diagonal/>
    </border>
    <border>
      <left style="thin">
        <color theme="0" tint="-0.13931699575792719"/>
      </left>
      <right/>
      <top style="thin">
        <color theme="0" tint="-0.13931699575792719"/>
      </top>
      <bottom style="thin">
        <color theme="0" tint="-0.13931699575792719"/>
      </bottom>
      <diagonal/>
    </border>
    <border>
      <left/>
      <right style="thin">
        <color theme="0" tint="-0.1392864772484512"/>
      </right>
      <top style="thin">
        <color theme="0" tint="-0.13931699575792719"/>
      </top>
      <bottom style="thin">
        <color theme="0" tint="-0.13931699575792719"/>
      </bottom>
      <diagonal/>
    </border>
    <border>
      <left/>
      <right/>
      <top style="thin">
        <color theme="0" tint="-0.13931699575792719"/>
      </top>
      <bottom style="thin">
        <color theme="0" tint="-3.933835871456038E-2"/>
      </bottom>
      <diagonal/>
    </border>
    <border>
      <left/>
      <right style="thin">
        <color theme="0" tint="-0.13931699575792719"/>
      </right>
      <top style="thin">
        <color theme="0" tint="-0.13931699575792719"/>
      </top>
      <bottom style="thin">
        <color theme="0" tint="-3.933835871456038E-2"/>
      </bottom>
      <diagonal/>
    </border>
    <border>
      <left style="thin">
        <color theme="0" tint="-0.13931699575792719"/>
      </left>
      <right/>
      <top style="thin">
        <color theme="0" tint="-0.13931699575792719"/>
      </top>
      <bottom style="thin">
        <color theme="0" tint="-3.933835871456038E-2"/>
      </bottom>
      <diagonal/>
    </border>
    <border>
      <left style="thin">
        <color theme="0" tint="-0.1392864772484512"/>
      </left>
      <right/>
      <top style="thin">
        <color theme="0" tint="-0.13931699575792719"/>
      </top>
      <bottom/>
      <diagonal/>
    </border>
    <border>
      <left/>
      <right style="thin">
        <color theme="0" tint="-0.13931699575792719"/>
      </right>
      <top style="thin">
        <color theme="0" tint="-0.13931699575792719"/>
      </top>
      <bottom/>
      <diagonal/>
    </border>
    <border>
      <left style="thin">
        <color theme="0" tint="-0.1392864772484512"/>
      </left>
      <right/>
      <top/>
      <bottom/>
      <diagonal/>
    </border>
    <border>
      <left/>
      <right style="thin">
        <color theme="0" tint="-0.13931699575792719"/>
      </right>
      <top/>
      <bottom/>
      <diagonal/>
    </border>
    <border>
      <left/>
      <right/>
      <top style="thin">
        <color theme="0" tint="-3.933835871456038E-2"/>
      </top>
      <bottom style="thin">
        <color theme="0" tint="-0.13931699575792719"/>
      </bottom>
      <diagonal/>
    </border>
    <border>
      <left/>
      <right style="thin">
        <color theme="0" tint="-0.13931699575792719"/>
      </right>
      <top style="thin">
        <color theme="0" tint="-3.933835871456038E-2"/>
      </top>
      <bottom style="thin">
        <color theme="0" tint="-0.13931699575792719"/>
      </bottom>
      <diagonal/>
    </border>
    <border>
      <left style="thin">
        <color theme="0" tint="-0.13931699575792719"/>
      </left>
      <right/>
      <top style="thin">
        <color theme="0" tint="-3.933835871456038E-2"/>
      </top>
      <bottom style="thin">
        <color theme="0" tint="-0.13931699575792719"/>
      </bottom>
      <diagonal/>
    </border>
    <border>
      <left style="thin">
        <color theme="0" tint="-0.1392864772484512"/>
      </left>
      <right/>
      <top style="thin">
        <color theme="0" tint="-0.13931699575792719"/>
      </top>
      <bottom style="thin">
        <color theme="0" tint="-0.13931699575792719"/>
      </bottom>
      <diagonal/>
    </border>
    <border>
      <left style="thin">
        <color theme="0" tint="-0.1392864772484512"/>
      </left>
      <right/>
      <top/>
      <bottom style="thin">
        <color theme="0" tint="-4.3519394512771994E-2"/>
      </bottom>
      <diagonal/>
    </border>
    <border>
      <left/>
      <right style="thin">
        <color theme="0" tint="-0.13931699575792719"/>
      </right>
      <top/>
      <bottom style="thin">
        <color theme="0" tint="-4.3519394512771994E-2"/>
      </bottom>
      <diagonal/>
    </border>
    <border>
      <left/>
      <right/>
      <top/>
      <bottom style="thin">
        <color theme="0" tint="-4.3671987060151983E-2"/>
      </bottom>
      <diagonal/>
    </border>
    <border>
      <left style="thin">
        <color theme="0" tint="-0.13931699575792719"/>
      </left>
      <right/>
      <top style="thin">
        <color theme="0" tint="-4.3519394512771994E-2"/>
      </top>
      <bottom style="thin">
        <color theme="0" tint="-4.3519394512771994E-2"/>
      </bottom>
      <diagonal/>
    </border>
    <border>
      <left/>
      <right style="thin">
        <color theme="0" tint="-0.1392864772484512"/>
      </right>
      <top style="thin">
        <color theme="0" tint="-4.3519394512771994E-2"/>
      </top>
      <bottom style="thin">
        <color theme="0" tint="-4.3519394512771994E-2"/>
      </bottom>
      <diagonal/>
    </border>
    <border>
      <left/>
      <right style="thin">
        <color theme="0" tint="-0.14517654957731865"/>
      </right>
      <top style="thin">
        <color theme="0" tint="-0.13931699575792719"/>
      </top>
      <bottom style="thin">
        <color theme="0" tint="-0.13931699575792719"/>
      </bottom>
      <diagonal/>
    </border>
    <border>
      <left style="thin">
        <color theme="0" tint="-0.13931699575792719"/>
      </left>
      <right/>
      <top style="thin">
        <color theme="0" tint="-0.13931699575792719"/>
      </top>
      <bottom/>
      <diagonal/>
    </border>
    <border>
      <left/>
      <right style="thin">
        <color theme="0" tint="-0.14517654957731865"/>
      </right>
      <top style="thin">
        <color theme="0" tint="-0.13931699575792719"/>
      </top>
      <bottom/>
      <diagonal/>
    </border>
    <border>
      <left/>
      <right/>
      <top style="thin">
        <color theme="0" tint="-0.13931699575792719"/>
      </top>
      <bottom/>
      <diagonal/>
    </border>
    <border>
      <left style="thin">
        <color theme="0" tint="-0.13931699575792719"/>
      </left>
      <right/>
      <top/>
      <bottom/>
      <diagonal/>
    </border>
    <border>
      <left/>
      <right style="thin">
        <color theme="0" tint="-0.14517654957731865"/>
      </right>
      <top/>
      <bottom/>
      <diagonal/>
    </border>
    <border>
      <left/>
      <right/>
      <top style="thin">
        <color theme="0" tint="-3.9429914242988376E-2"/>
      </top>
      <bottom style="thin">
        <color theme="0" tint="-3.9429914242988376E-2"/>
      </bottom>
      <diagonal/>
    </border>
    <border>
      <left/>
      <right style="thin">
        <color theme="0" tint="-0.13931699575792719"/>
      </right>
      <top style="thin">
        <color theme="0" tint="-3.9429914242988376E-2"/>
      </top>
      <bottom style="thin">
        <color theme="0" tint="-3.9429914242988376E-2"/>
      </bottom>
      <diagonal/>
    </border>
    <border>
      <left style="thin">
        <color theme="0" tint="-0.13931699575792719"/>
      </left>
      <right/>
      <top style="thin">
        <color theme="0" tint="-3.9429914242988376E-2"/>
      </top>
      <bottom style="thin">
        <color theme="0" tint="-3.9429914242988376E-2"/>
      </bottom>
      <diagonal/>
    </border>
    <border>
      <left style="thin">
        <color theme="0" tint="-0.13931699575792719"/>
      </left>
      <right/>
      <top/>
      <bottom style="thin">
        <color theme="0" tint="-0.13940855128635518"/>
      </bottom>
      <diagonal/>
    </border>
    <border>
      <left/>
      <right style="thin">
        <color theme="0" tint="-0.14517654957731865"/>
      </right>
      <top/>
      <bottom style="thin">
        <color theme="0" tint="-0.13940855128635518"/>
      </bottom>
      <diagonal/>
    </border>
    <border>
      <left/>
      <right/>
      <top/>
      <bottom style="thin">
        <color theme="0" tint="-0.13940855128635518"/>
      </bottom>
      <diagonal/>
    </border>
    <border>
      <left/>
      <right style="thin">
        <color theme="0" tint="-0.1392864772484512"/>
      </right>
      <top style="thin">
        <color theme="0" tint="-0.13931699575792719"/>
      </top>
      <bottom style="thin">
        <color theme="0" tint="-3.933835871456038E-2"/>
      </bottom>
      <diagonal/>
    </border>
    <border>
      <left/>
      <right style="thin">
        <color theme="0" tint="-0.1392864772484512"/>
      </right>
      <top style="thin">
        <color theme="0" tint="-3.933835871456038E-2"/>
      </top>
      <bottom style="thin">
        <color theme="0" tint="-0.13931699575792719"/>
      </bottom>
      <diagonal/>
    </border>
    <border>
      <left style="thin">
        <color theme="0" tint="-0.1392864772484512"/>
      </left>
      <right/>
      <top style="thin">
        <color theme="0" tint="-0.13931699575792719"/>
      </top>
      <bottom style="thin">
        <color theme="0" tint="-3.933835871456038E-2"/>
      </bottom>
      <diagonal/>
    </border>
    <border>
      <left/>
      <right style="thin">
        <color theme="0" tint="-0.14514603106784266"/>
      </right>
      <top style="thin">
        <color theme="0" tint="-0.13931699575792719"/>
      </top>
      <bottom style="thin">
        <color theme="0" tint="-3.933835871456038E-2"/>
      </bottom>
      <diagonal/>
    </border>
    <border>
      <left style="thin">
        <color theme="0" tint="-0.1392864772484512"/>
      </left>
      <right/>
      <top style="thin">
        <color theme="0" tint="-3.933835871456038E-2"/>
      </top>
      <bottom style="thin">
        <color theme="0" tint="-3.933835871456038E-2"/>
      </bottom>
      <diagonal/>
    </border>
    <border>
      <left style="thin">
        <color theme="0" tint="-0.1392864772484512"/>
      </left>
      <right/>
      <top style="thin">
        <color theme="0" tint="-3.933835871456038E-2"/>
      </top>
      <bottom style="thin">
        <color theme="0" tint="-0.13931699575792719"/>
      </bottom>
      <diagonal/>
    </border>
    <border>
      <left style="thin">
        <color theme="0" tint="-0.1392864772484512"/>
      </left>
      <right/>
      <top/>
      <bottom style="thin">
        <color theme="0" tint="-0.13940855128635518"/>
      </bottom>
      <diagonal/>
    </border>
    <border>
      <left/>
      <right style="thin">
        <color theme="0" tint="-0.13931699575792719"/>
      </right>
      <top/>
      <bottom style="thin">
        <color theme="0" tint="-0.13931699575792719"/>
      </bottom>
      <diagonal/>
    </border>
    <border>
      <left/>
      <right style="thin">
        <color theme="0" tint="-0.13931699575792719"/>
      </right>
      <top/>
      <bottom style="thin">
        <color theme="0" tint="-0.13940855128635518"/>
      </bottom>
      <diagonal/>
    </border>
    <border>
      <left/>
      <right style="thin">
        <color theme="0" tint="-0.13971373638111514"/>
      </right>
      <top style="thin">
        <color theme="0" tint="-0.13931699575792719"/>
      </top>
      <bottom style="thin">
        <color theme="0" tint="-3.933835871456038E-2"/>
      </bottom>
      <diagonal/>
    </border>
    <border>
      <left/>
      <right style="thin">
        <color theme="0" tint="-0.13971373638111514"/>
      </right>
      <top style="thin">
        <color theme="0" tint="-3.933835871456038E-2"/>
      </top>
      <bottom style="thin">
        <color theme="0" tint="-3.933835871456038E-2"/>
      </bottom>
      <diagonal/>
    </border>
    <border>
      <left/>
      <right style="thin">
        <color theme="0" tint="-0.13971373638111514"/>
      </right>
      <top style="thin">
        <color theme="0" tint="-3.933835871456038E-2"/>
      </top>
      <bottom style="thin">
        <color theme="0" tint="-0.13931699575792719"/>
      </bottom>
      <diagonal/>
    </border>
    <border>
      <left/>
      <right/>
      <top style="thin">
        <color theme="0" tint="-4.4679097872859889E-2"/>
      </top>
      <bottom style="thin">
        <color theme="0" tint="-4.4679097872859889E-2"/>
      </bottom>
      <diagonal/>
    </border>
    <border>
      <left/>
      <right style="thin">
        <color theme="0" tint="-0.1445966978972747"/>
      </right>
      <top style="thin">
        <color theme="0" tint="-4.4679097872859889E-2"/>
      </top>
      <bottom style="thin">
        <color theme="0" tint="-4.4679097872859889E-2"/>
      </bottom>
      <diagonal/>
    </border>
    <border>
      <left style="thin">
        <color theme="0" tint="-0.1445966978972747"/>
      </left>
      <right/>
      <top style="thin">
        <color theme="0" tint="-4.4679097872859889E-2"/>
      </top>
      <bottom style="thin">
        <color theme="0" tint="-4.4679097872859889E-2"/>
      </bottom>
      <diagonal/>
    </border>
    <border>
      <left/>
      <right style="thin">
        <color theme="0" tint="-0.14484084597308267"/>
      </right>
      <top style="thin">
        <color theme="0" tint="-4.4679097872859889E-2"/>
      </top>
      <bottom style="thin">
        <color theme="0" tint="-4.4679097872859889E-2"/>
      </bottom>
      <diagonal/>
    </border>
    <border>
      <left/>
      <right/>
      <top style="thin">
        <color theme="0" tint="-4.4679097872859889E-2"/>
      </top>
      <bottom style="thin">
        <color theme="0" tint="-0.14465773491622669"/>
      </bottom>
      <diagonal/>
    </border>
    <border>
      <left/>
      <right style="thin">
        <color theme="0" tint="-0.1445966978972747"/>
      </right>
      <top style="thin">
        <color theme="0" tint="-4.4679097872859889E-2"/>
      </top>
      <bottom style="thin">
        <color theme="0" tint="-0.14465773491622669"/>
      </bottom>
      <diagonal/>
    </border>
    <border>
      <left style="thin">
        <color theme="0" tint="-0.1445966978972747"/>
      </left>
      <right/>
      <top style="thin">
        <color theme="0" tint="-4.4679097872859889E-2"/>
      </top>
      <bottom style="thin">
        <color theme="0" tint="-0.14465773491622669"/>
      </bottom>
      <diagonal/>
    </border>
    <border>
      <left/>
      <right style="thin">
        <color theme="0" tint="-0.14484084597308267"/>
      </right>
      <top style="thin">
        <color theme="0" tint="-4.4679097872859889E-2"/>
      </top>
      <bottom style="thin">
        <color theme="0" tint="-0.14465773491622669"/>
      </bottom>
      <diagonal/>
    </border>
    <border>
      <left/>
      <right/>
      <top style="thin">
        <color theme="0" tint="-0.14465773491622669"/>
      </top>
      <bottom style="thin">
        <color theme="0" tint="-0.14465773491622669"/>
      </bottom>
      <diagonal/>
    </border>
    <border>
      <left/>
      <right style="thin">
        <color theme="0" tint="-0.1445966978972747"/>
      </right>
      <top style="thin">
        <color theme="0" tint="-0.14465773491622669"/>
      </top>
      <bottom style="thin">
        <color theme="0" tint="-0.14465773491622669"/>
      </bottom>
      <diagonal/>
    </border>
    <border>
      <left style="thin">
        <color theme="0" tint="-0.1445966978972747"/>
      </left>
      <right/>
      <top style="thin">
        <color theme="0" tint="-0.14465773491622669"/>
      </top>
      <bottom style="thin">
        <color theme="0" tint="-0.14465773491622669"/>
      </bottom>
      <diagonal/>
    </border>
    <border>
      <left/>
      <right style="thin">
        <color theme="0" tint="-0.14484084597308267"/>
      </right>
      <top style="thin">
        <color theme="0" tint="-0.14465773491622669"/>
      </top>
      <bottom style="thin">
        <color theme="0" tint="-0.14465773491622669"/>
      </bottom>
      <diagonal/>
    </border>
    <border>
      <left/>
      <right/>
      <top style="thin">
        <color theme="0" tint="-0.14465773491622669"/>
      </top>
      <bottom style="thin">
        <color theme="0" tint="-4.4679097872859889E-2"/>
      </bottom>
      <diagonal/>
    </border>
    <border>
      <left/>
      <right style="thin">
        <color theme="0" tint="-0.1445966978972747"/>
      </right>
      <top style="thin">
        <color theme="0" tint="-0.14465773491622669"/>
      </top>
      <bottom style="thin">
        <color theme="0" tint="-4.4679097872859889E-2"/>
      </bottom>
      <diagonal/>
    </border>
    <border>
      <left style="thin">
        <color theme="0" tint="-0.1445966978972747"/>
      </left>
      <right/>
      <top style="thin">
        <color theme="0" tint="-0.14465773491622669"/>
      </top>
      <bottom style="thin">
        <color theme="0" tint="-4.4679097872859889E-2"/>
      </bottom>
      <diagonal/>
    </border>
    <border>
      <left/>
      <right style="thin">
        <color theme="0" tint="-0.14484084597308267"/>
      </right>
      <top style="thin">
        <color theme="0" tint="-0.14465773491622669"/>
      </top>
      <bottom style="thin">
        <color theme="0" tint="-4.4679097872859889E-2"/>
      </bottom>
      <diagonal/>
    </border>
    <border>
      <left/>
      <right/>
      <top style="thin">
        <color theme="0" tint="-0.14484084597308267"/>
      </top>
      <bottom style="thin">
        <color theme="0" tint="-0.14484084597308267"/>
      </bottom>
      <diagonal/>
    </border>
    <border>
      <left/>
      <right style="thin">
        <color theme="0" tint="-0.1445966978972747"/>
      </right>
      <top style="thin">
        <color theme="0" tint="-0.14484084597308267"/>
      </top>
      <bottom style="thin">
        <color theme="0" tint="-0.14484084597308267"/>
      </bottom>
      <diagonal/>
    </border>
    <border>
      <left style="thin">
        <color theme="0" tint="-0.1445966978972747"/>
      </left>
      <right/>
      <top style="thin">
        <color theme="0" tint="-0.14484084597308267"/>
      </top>
      <bottom style="thin">
        <color theme="0" tint="-0.14484084597308267"/>
      </bottom>
      <diagonal/>
    </border>
    <border>
      <left/>
      <right style="thin">
        <color theme="0" tint="-0.14737388225959044"/>
      </right>
      <top style="thin">
        <color theme="0" tint="-0.14484084597308267"/>
      </top>
      <bottom style="thin">
        <color theme="0" tint="-0.14484084597308267"/>
      </bottom>
      <diagonal/>
    </border>
    <border>
      <left style="thin">
        <color theme="0" tint="-0.1445966978972747"/>
      </left>
      <right/>
      <top style="thin">
        <color theme="0" tint="-0.14484084597308267"/>
      </top>
      <bottom/>
      <diagonal/>
    </border>
    <border>
      <left/>
      <right style="thin">
        <color theme="0" tint="-0.14737388225959044"/>
      </right>
      <top style="thin">
        <color theme="0" tint="-0.14484084597308267"/>
      </top>
      <bottom/>
      <diagonal/>
    </border>
    <border>
      <left/>
      <right/>
      <top style="thin">
        <color theme="0" tint="-0.14484084597308267"/>
      </top>
      <bottom/>
      <diagonal/>
    </border>
    <border>
      <left style="thin">
        <color theme="0" tint="-0.1445966978972747"/>
      </left>
      <right/>
      <top/>
      <bottom/>
      <diagonal/>
    </border>
    <border>
      <left/>
      <right style="thin">
        <color theme="0" tint="-0.14737388225959044"/>
      </right>
      <top/>
      <bottom/>
      <diagonal/>
    </border>
    <border>
      <left style="thin">
        <color theme="0" tint="-0.1445966978972747"/>
      </left>
      <right/>
      <top/>
      <bottom style="thin">
        <color theme="0" tint="-0.14465773491622669"/>
      </bottom>
      <diagonal/>
    </border>
    <border>
      <left/>
      <right style="thin">
        <color theme="0" tint="-0.14737388225959044"/>
      </right>
      <top/>
      <bottom style="thin">
        <color theme="0" tint="-0.14465773491622669"/>
      </bottom>
      <diagonal/>
    </border>
    <border>
      <left/>
      <right/>
      <top/>
      <bottom style="thin">
        <color theme="0" tint="-0.14465773491622669"/>
      </bottom>
      <diagonal/>
    </border>
    <border>
      <left/>
      <right/>
      <top style="thin">
        <color theme="0" tint="-3.8453321939756466E-2"/>
      </top>
      <bottom style="thin">
        <color theme="0" tint="-3.8453321939756466E-2"/>
      </bottom>
      <diagonal/>
    </border>
    <border>
      <left/>
      <right style="thin">
        <color theme="0" tint="-0.1392254402294992"/>
      </right>
      <top style="thin">
        <color theme="0" tint="-3.8453321939756466E-2"/>
      </top>
      <bottom style="thin">
        <color theme="0" tint="-3.8453321939756466E-2"/>
      </bottom>
      <diagonal/>
    </border>
    <border>
      <left style="thin">
        <color theme="0" tint="-0.1392254402294992"/>
      </left>
      <right/>
      <top style="thin">
        <color theme="0" tint="-3.8453321939756466E-2"/>
      </top>
      <bottom style="thin">
        <color theme="0" tint="-3.8453321939756466E-2"/>
      </bottom>
      <diagonal/>
    </border>
    <border>
      <left/>
      <right/>
      <top style="thin">
        <color theme="0" tint="-0.1392254402294992"/>
      </top>
      <bottom style="thin">
        <color theme="0" tint="-0.1392254402294992"/>
      </bottom>
      <diagonal/>
    </border>
    <border>
      <left/>
      <right style="thin">
        <color theme="0" tint="-0.1392254402294992"/>
      </right>
      <top style="thin">
        <color theme="0" tint="-0.1392254402294992"/>
      </top>
      <bottom style="thin">
        <color theme="0" tint="-0.1392254402294992"/>
      </bottom>
      <diagonal/>
    </border>
    <border>
      <left style="thin">
        <color theme="0" tint="-0.1392254402294992"/>
      </left>
      <right/>
      <top style="thin">
        <color theme="0" tint="-0.1392254402294992"/>
      </top>
      <bottom style="thin">
        <color theme="0" tint="-0.1392254402294992"/>
      </bottom>
      <diagonal/>
    </border>
    <border>
      <left/>
      <right/>
      <top style="thin">
        <color theme="0" tint="-4.1810357982116152E-2"/>
      </top>
      <bottom style="thin">
        <color theme="0" tint="-3.8453321939756466E-2"/>
      </bottom>
      <diagonal/>
    </border>
    <border>
      <left/>
      <right style="thin">
        <color theme="0" tint="-0.1392254402294992"/>
      </right>
      <top style="thin">
        <color theme="0" tint="-4.1810357982116152E-2"/>
      </top>
      <bottom style="thin">
        <color theme="0" tint="-3.8453321939756466E-2"/>
      </bottom>
      <diagonal/>
    </border>
    <border>
      <left style="thin">
        <color theme="0" tint="-0.1392254402294992"/>
      </left>
      <right/>
      <top style="thin">
        <color theme="0" tint="-4.1810357982116152E-2"/>
      </top>
      <bottom style="thin">
        <color theme="0" tint="-3.8453321939756466E-2"/>
      </bottom>
      <diagonal/>
    </border>
    <border>
      <left/>
      <right/>
      <top style="thin">
        <color theme="0" tint="-0.14178899502548295"/>
      </top>
      <bottom style="thin">
        <color theme="0" tint="-0.14178899502548295"/>
      </bottom>
      <diagonal/>
    </border>
    <border>
      <left/>
      <right style="thin">
        <color theme="0" tint="-0.1392254402294992"/>
      </right>
      <top style="thin">
        <color theme="0" tint="-0.14178899502548295"/>
      </top>
      <bottom style="thin">
        <color theme="0" tint="-0.14178899502548295"/>
      </bottom>
      <diagonal/>
    </border>
    <border>
      <left style="thin">
        <color theme="0" tint="-0.1392254402294992"/>
      </left>
      <right/>
      <top style="thin">
        <color theme="0" tint="-0.14178899502548295"/>
      </top>
      <bottom style="thin">
        <color theme="0" tint="-0.14178899502548295"/>
      </bottom>
      <diagonal/>
    </border>
    <border>
      <left style="thin">
        <color theme="0" tint="-0.1392254402294992"/>
      </left>
      <right/>
      <top style="thin">
        <color theme="0" tint="-0.14178899502548295"/>
      </top>
      <bottom/>
      <diagonal/>
    </border>
    <border>
      <left/>
      <right style="thin">
        <color theme="0" tint="-0.1392254402294992"/>
      </right>
      <top style="thin">
        <color theme="0" tint="-0.14178899502548295"/>
      </top>
      <bottom/>
      <diagonal/>
    </border>
    <border>
      <left/>
      <right/>
      <top style="thin">
        <color theme="0" tint="-0.14178899502548295"/>
      </top>
      <bottom/>
      <diagonal/>
    </border>
    <border>
      <left style="thin">
        <color theme="0" tint="-0.1392254402294992"/>
      </left>
      <right/>
      <top/>
      <bottom style="thin">
        <color theme="0" tint="-3.8453321939756466E-2"/>
      </bottom>
      <diagonal/>
    </border>
    <border>
      <left/>
      <right style="thin">
        <color theme="0" tint="-0.1392254402294992"/>
      </right>
      <top/>
      <bottom style="thin">
        <color theme="0" tint="-3.8453321939756466E-2"/>
      </bottom>
      <diagonal/>
    </border>
    <border>
      <left/>
      <right/>
      <top style="thin">
        <color theme="0" tint="-3.8453321939756466E-2"/>
      </top>
      <bottom style="thin">
        <color theme="0" tint="-0.14185003204443494"/>
      </bottom>
      <diagonal/>
    </border>
    <border>
      <left style="thin">
        <color theme="0" tint="-0.1392254402294992"/>
      </left>
      <right/>
      <top style="thin">
        <color theme="0" tint="-3.8453321939756466E-2"/>
      </top>
      <bottom style="thin">
        <color theme="0" tint="-0.14185003204443494"/>
      </bottom>
      <diagonal/>
    </border>
    <border>
      <left/>
      <right style="thin">
        <color theme="0" tint="-0.1392254402294992"/>
      </right>
      <top style="thin">
        <color theme="0" tint="-3.8453321939756466E-2"/>
      </top>
      <bottom style="thin">
        <color theme="0" tint="-0.14185003204443494"/>
      </bottom>
      <diagonal/>
    </border>
    <border>
      <left/>
      <right/>
      <top/>
      <bottom style="thin">
        <color theme="0" tint="-0.14185003204443494"/>
      </bottom>
      <diagonal/>
    </border>
    <border>
      <left/>
      <right/>
      <top style="thin">
        <color theme="0" tint="-0.1392254402294992"/>
      </top>
      <bottom style="thin">
        <color theme="0" tint="-3.8453321939756466E-2"/>
      </bottom>
      <diagonal/>
    </border>
    <border>
      <left/>
      <right style="thin">
        <color theme="0" tint="-0.1392254402294992"/>
      </right>
      <top style="thin">
        <color theme="0" tint="-0.1392254402294992"/>
      </top>
      <bottom style="thin">
        <color theme="0" tint="-3.8453321939756466E-2"/>
      </bottom>
      <diagonal/>
    </border>
    <border>
      <left/>
      <right/>
      <top style="thin">
        <color theme="0" tint="-4.3794061098055968E-2"/>
      </top>
      <bottom style="thin">
        <color theme="0" tint="-4.3794061098055968E-2"/>
      </bottom>
      <diagonal/>
    </border>
    <border>
      <left style="thin">
        <color theme="0" tint="-0.14371166112247077"/>
      </left>
      <right/>
      <top style="thin">
        <color theme="0" tint="-4.3794061098055968E-2"/>
      </top>
      <bottom style="thin">
        <color theme="0" tint="-4.3794061098055968E-2"/>
      </bottom>
      <diagonal/>
    </border>
    <border>
      <left style="thin">
        <color theme="0" tint="-0.14389477217932675"/>
      </left>
      <right/>
      <top style="thin">
        <color theme="0" tint="-4.3794061098055968E-2"/>
      </top>
      <bottom style="thin">
        <color theme="0" tint="-4.3794061098055968E-2"/>
      </bottom>
      <diagonal/>
    </border>
    <border>
      <left/>
      <right style="thin">
        <color theme="0" tint="-0.14389477217932675"/>
      </right>
      <top style="thin">
        <color theme="0" tint="-4.3794061098055968E-2"/>
      </top>
      <bottom style="thin">
        <color theme="0" tint="-4.3794061098055968E-2"/>
      </bottom>
      <diagonal/>
    </border>
    <border>
      <left style="thin">
        <color theme="0" tint="-0.14398632770775474"/>
      </left>
      <right/>
      <top style="thin">
        <color theme="0" tint="-4.4068727683339949E-2"/>
      </top>
      <bottom style="thin">
        <color theme="0" tint="-4.4068727683339949E-2"/>
      </bottom>
      <diagonal/>
    </border>
    <border>
      <left/>
      <right/>
      <top style="thin">
        <color theme="0" tint="-4.4068727683339949E-2"/>
      </top>
      <bottom style="thin">
        <color theme="0" tint="-4.4068727683339949E-2"/>
      </bottom>
      <diagonal/>
    </border>
    <border>
      <left style="thin">
        <color theme="0" tint="-0.14416943876461075"/>
      </left>
      <right/>
      <top style="thin">
        <color theme="0" tint="-4.4068727683339949E-2"/>
      </top>
      <bottom style="thin">
        <color theme="0" tint="-4.4068727683339949E-2"/>
      </bottom>
      <diagonal/>
    </border>
    <border>
      <left/>
      <right/>
      <top style="thin">
        <color theme="0" tint="-4.3794061098055968E-2"/>
      </top>
      <bottom style="thin">
        <color theme="0" tint="-0.14377269814142277"/>
      </bottom>
      <diagonal/>
    </border>
    <border>
      <left style="thin">
        <color theme="0" tint="-0.14371166112247077"/>
      </left>
      <right/>
      <top style="thin">
        <color theme="0" tint="-4.3794061098055968E-2"/>
      </top>
      <bottom style="thin">
        <color theme="0" tint="-0.14377269814142277"/>
      </bottom>
      <diagonal/>
    </border>
    <border>
      <left style="thin">
        <color theme="0" tint="-0.14389477217932675"/>
      </left>
      <right/>
      <top style="thin">
        <color theme="0" tint="-4.3794061098055968E-2"/>
      </top>
      <bottom style="thin">
        <color theme="0" tint="-0.14377269814142277"/>
      </bottom>
      <diagonal/>
    </border>
    <border>
      <left/>
      <right style="thin">
        <color theme="0" tint="-0.14389477217932675"/>
      </right>
      <top style="thin">
        <color theme="0" tint="-4.3794061098055968E-2"/>
      </top>
      <bottom style="thin">
        <color theme="0" tint="-0.14377269814142277"/>
      </bottom>
      <diagonal/>
    </border>
    <border>
      <left/>
      <right/>
      <top style="thin">
        <color theme="0" tint="-0.14377269814142277"/>
      </top>
      <bottom style="thin">
        <color theme="0" tint="-0.14377269814142277"/>
      </bottom>
      <diagonal/>
    </border>
    <border>
      <left style="thin">
        <color theme="0" tint="-0.14371166112247077"/>
      </left>
      <right/>
      <top style="thin">
        <color theme="0" tint="-0.14377269814142277"/>
      </top>
      <bottom style="thin">
        <color theme="0" tint="-0.14377269814142277"/>
      </bottom>
      <diagonal/>
    </border>
    <border>
      <left style="thin">
        <color theme="0" tint="-0.14389477217932675"/>
      </left>
      <right/>
      <top style="thin">
        <color theme="0" tint="-0.14377269814142277"/>
      </top>
      <bottom style="thin">
        <color theme="0" tint="-0.14377269814142277"/>
      </bottom>
      <diagonal/>
    </border>
    <border>
      <left/>
      <right style="thin">
        <color theme="0" tint="-0.14389477217932675"/>
      </right>
      <top style="thin">
        <color theme="0" tint="-0.14377269814142277"/>
      </top>
      <bottom style="thin">
        <color theme="0" tint="-0.14377269814142277"/>
      </bottom>
      <diagonal/>
    </border>
    <border>
      <left/>
      <right/>
      <top style="thin">
        <color theme="0" tint="-0.14377269814142277"/>
      </top>
      <bottom style="thin">
        <color theme="0" tint="-4.3794061098055968E-2"/>
      </bottom>
      <diagonal/>
    </border>
    <border>
      <left style="thin">
        <color theme="0" tint="-0.14371166112247077"/>
      </left>
      <right/>
      <top style="thin">
        <color theme="0" tint="-0.14377269814142277"/>
      </top>
      <bottom style="thin">
        <color theme="0" tint="-4.3794061098055968E-2"/>
      </bottom>
      <diagonal/>
    </border>
    <border>
      <left style="thin">
        <color theme="0" tint="-0.14389477217932675"/>
      </left>
      <right/>
      <top style="thin">
        <color theme="0" tint="-0.14377269814142277"/>
      </top>
      <bottom style="thin">
        <color theme="0" tint="-4.3794061098055968E-2"/>
      </bottom>
      <diagonal/>
    </border>
    <border>
      <left/>
      <right style="thin">
        <color theme="0" tint="-0.14389477217932675"/>
      </right>
      <top style="thin">
        <color theme="0" tint="-0.14377269814142277"/>
      </top>
      <bottom style="thin">
        <color theme="0" tint="-4.3794061098055968E-2"/>
      </bottom>
      <diagonal/>
    </border>
    <border>
      <left/>
      <right style="thin">
        <color theme="0" tint="-0.14688558610797448"/>
      </right>
      <top style="thin">
        <color theme="0" tint="-4.3794061098055968E-2"/>
      </top>
      <bottom style="thin">
        <color theme="0" tint="-4.3794061098055968E-2"/>
      </bottom>
      <diagonal/>
    </border>
    <border>
      <left/>
      <right style="thin">
        <color theme="0" tint="-0.14688558610797448"/>
      </right>
      <top style="thin">
        <color theme="0" tint="-4.3794061098055968E-2"/>
      </top>
      <bottom style="thin">
        <color theme="0" tint="-0.14377269814142277"/>
      </bottom>
      <diagonal/>
    </border>
    <border>
      <left/>
      <right style="thin">
        <color theme="0" tint="-0.14450514236884671"/>
      </right>
      <top style="thin">
        <color rgb="FFF4F4F4"/>
      </top>
      <bottom style="thin">
        <color rgb="FFF5F5F5"/>
      </bottom>
      <diagonal/>
    </border>
    <border>
      <left/>
      <right/>
      <top style="thin">
        <color theme="0" tint="-3.6774803918576619E-2"/>
      </top>
      <bottom style="thin">
        <color theme="0" tint="-3.6774803918576619E-2"/>
      </bottom>
      <diagonal/>
    </border>
    <border>
      <left/>
      <right style="thin">
        <color theme="0" tint="-0.14450514236884671"/>
      </right>
      <top style="thin">
        <color theme="0" tint="-3.6774803918576619E-2"/>
      </top>
      <bottom style="thin">
        <color theme="0" tint="-3.6774803918576619E-2"/>
      </bottom>
      <diagonal/>
    </border>
    <border>
      <left style="thin">
        <color theme="0" tint="-0.14493240150151065"/>
      </left>
      <right/>
      <top style="thin">
        <color theme="0" tint="-3.6774803918576619E-2"/>
      </top>
      <bottom style="thin">
        <color theme="0" tint="-3.6774803918576619E-2"/>
      </bottom>
      <diagonal/>
    </border>
    <border>
      <left/>
      <right style="thin">
        <color theme="0" tint="-0.14493240150151065"/>
      </right>
      <top style="thin">
        <color theme="0" tint="-3.6774803918576619E-2"/>
      </top>
      <bottom style="thin">
        <color theme="0" tint="-3.6774803918576619E-2"/>
      </bottom>
      <diagonal/>
    </border>
    <border>
      <left/>
      <right/>
      <top style="thin">
        <color theme="0" tint="-4.3122653889584035E-2"/>
      </top>
      <bottom style="thin">
        <color theme="0" tint="-4.3122653889584035E-2"/>
      </bottom>
      <diagonal/>
    </border>
    <border>
      <left/>
      <right style="thin">
        <color theme="0" tint="-0.14450514236884671"/>
      </right>
      <top style="thin">
        <color theme="0" tint="-4.3122653889584035E-2"/>
      </top>
      <bottom style="thin">
        <color theme="0" tint="-4.3122653889584035E-2"/>
      </bottom>
      <diagonal/>
    </border>
    <border>
      <left style="thin">
        <color theme="0" tint="-0.14493240150151065"/>
      </left>
      <right/>
      <top style="thin">
        <color theme="0" tint="-4.3122653889584035E-2"/>
      </top>
      <bottom style="thin">
        <color theme="0" tint="-4.3122653889584035E-2"/>
      </bottom>
      <diagonal/>
    </border>
    <border>
      <left/>
      <right style="thin">
        <color theme="0" tint="-0.14493240150151065"/>
      </right>
      <top style="thin">
        <color theme="0" tint="-4.3122653889584035E-2"/>
      </top>
      <bottom style="thin">
        <color theme="0" tint="-4.3122653889584035E-2"/>
      </bottom>
      <diagonal/>
    </border>
    <border>
      <left/>
      <right/>
      <top style="thin">
        <color theme="0" tint="-3.7659840693380534E-2"/>
      </top>
      <bottom style="thin">
        <color theme="0" tint="-3.7659840693380534E-2"/>
      </bottom>
      <diagonal/>
    </border>
    <border>
      <left/>
      <right style="thin">
        <color theme="0" tint="-0.14450514236884671"/>
      </right>
      <top style="thin">
        <color theme="0" tint="-3.7659840693380534E-2"/>
      </top>
      <bottom style="thin">
        <color theme="0" tint="-3.7659840693380534E-2"/>
      </bottom>
      <diagonal/>
    </border>
    <border>
      <left style="thin">
        <color theme="0" tint="-0.14493240150151065"/>
      </left>
      <right/>
      <top style="thin">
        <color theme="0" tint="-3.7659840693380534E-2"/>
      </top>
      <bottom style="thin">
        <color theme="0" tint="-3.7659840693380534E-2"/>
      </bottom>
      <diagonal/>
    </border>
    <border>
      <left/>
      <right style="thin">
        <color theme="0" tint="-0.14493240150151065"/>
      </right>
      <top style="thin">
        <color theme="0" tint="-3.7659840693380534E-2"/>
      </top>
      <bottom style="thin">
        <color theme="0" tint="-3.7659840693380534E-2"/>
      </bottom>
      <diagonal/>
    </border>
    <border>
      <left/>
      <right/>
      <top style="thin">
        <color theme="0" tint="-3.4302804651020848E-2"/>
      </top>
      <bottom style="thin">
        <color theme="0" tint="-3.4302804651020848E-2"/>
      </bottom>
      <diagonal/>
    </border>
    <border>
      <left/>
      <right style="thin">
        <color theme="0" tint="-0.14450514236884671"/>
      </right>
      <top style="thin">
        <color theme="0" tint="-3.4302804651020848E-2"/>
      </top>
      <bottom style="thin">
        <color theme="0" tint="-3.4302804651020848E-2"/>
      </bottom>
      <diagonal/>
    </border>
    <border>
      <left style="thin">
        <color theme="0" tint="-0.14493240150151065"/>
      </left>
      <right/>
      <top style="thin">
        <color theme="0" tint="-3.4302804651020848E-2"/>
      </top>
      <bottom style="thin">
        <color theme="0" tint="-3.4302804651020848E-2"/>
      </bottom>
      <diagonal/>
    </border>
    <border>
      <left/>
      <right/>
      <top style="thin">
        <color theme="0" tint="-0.14450514236884671"/>
      </top>
      <bottom style="thin">
        <color theme="0" tint="-0.14450514236884671"/>
      </bottom>
      <diagonal/>
    </border>
    <border>
      <left/>
      <right style="thin">
        <color theme="0" tint="-0.14450514236884671"/>
      </right>
      <top style="thin">
        <color theme="0" tint="-0.14450514236884671"/>
      </top>
      <bottom style="thin">
        <color theme="0" tint="-0.14450514236884671"/>
      </bottom>
      <diagonal/>
    </border>
    <border>
      <left style="thin">
        <color theme="0" tint="-0.14493240150151065"/>
      </left>
      <right/>
      <top style="thin">
        <color theme="0" tint="-0.14450514236884671"/>
      </top>
      <bottom style="thin">
        <color theme="0" tint="-0.14450514236884671"/>
      </bottom>
      <diagonal/>
    </border>
    <border>
      <left/>
      <right style="thin">
        <color theme="0" tint="-0.14493240150151065"/>
      </right>
      <top style="thin">
        <color theme="0" tint="-0.14450514236884671"/>
      </top>
      <bottom style="thin">
        <color theme="0" tint="-0.14450514236884671"/>
      </bottom>
      <diagonal/>
    </border>
    <border>
      <left/>
      <right/>
      <top style="thin">
        <color theme="0" tint="-3.769035920285653E-2"/>
      </top>
      <bottom style="thin">
        <color theme="0" tint="-3.769035920285653E-2"/>
      </bottom>
      <diagonal/>
    </border>
    <border>
      <left/>
      <right style="thin">
        <color theme="0" tint="-0.14450514236884671"/>
      </right>
      <top style="thin">
        <color theme="0" tint="-3.769035920285653E-2"/>
      </top>
      <bottom style="thin">
        <color theme="0" tint="-3.769035920285653E-2"/>
      </bottom>
      <diagonal/>
    </border>
    <border>
      <left style="thin">
        <color theme="0" tint="-0.14493240150151065"/>
      </left>
      <right/>
      <top style="thin">
        <color theme="0" tint="-3.769035920285653E-2"/>
      </top>
      <bottom style="thin">
        <color theme="0" tint="-3.769035920285653E-2"/>
      </bottom>
      <diagonal/>
    </border>
    <border>
      <left style="thin">
        <color theme="0" tint="-0.14493240150151065"/>
      </left>
      <right/>
      <top/>
      <bottom style="thin">
        <color theme="0" tint="-3.4607989745780818E-2"/>
      </bottom>
      <diagonal/>
    </border>
    <border>
      <left/>
      <right style="thin">
        <color theme="0" tint="-0.14493240150151065"/>
      </right>
      <top/>
      <bottom style="thin">
        <color theme="0" tint="-3.4607989745780818E-2"/>
      </bottom>
      <diagonal/>
    </border>
    <border>
      <left/>
      <right/>
      <top style="thin">
        <color theme="0" tint="-3.769035920285653E-2"/>
      </top>
      <bottom style="thin">
        <color theme="0" tint="-4.1077913754692219E-2"/>
      </bottom>
      <diagonal/>
    </border>
    <border>
      <left/>
      <right style="thin">
        <color theme="0" tint="-0.14450514236884671"/>
      </right>
      <top style="thin">
        <color theme="0" tint="-3.769035920285653E-2"/>
      </top>
      <bottom style="thin">
        <color theme="0" tint="-4.1077913754692219E-2"/>
      </bottom>
      <diagonal/>
    </border>
    <border>
      <left style="thin">
        <color theme="0" tint="-0.14493240150151065"/>
      </left>
      <right/>
      <top style="thin">
        <color theme="0" tint="-3.769035920285653E-2"/>
      </top>
      <bottom style="thin">
        <color theme="0" tint="-4.1077913754692219E-2"/>
      </bottom>
      <diagonal/>
    </border>
    <border>
      <left style="thin">
        <color rgb="FFDADADA"/>
      </left>
      <right/>
      <top style="thin">
        <color rgb="FFF6F6F6"/>
      </top>
      <bottom style="thin">
        <color rgb="FFF5F5F5"/>
      </bottom>
      <diagonal/>
    </border>
    <border>
      <left/>
      <right style="thin">
        <color rgb="FFDADADA"/>
      </right>
      <top style="thin">
        <color rgb="FFF6F6F6"/>
      </top>
      <bottom style="thin">
        <color rgb="FFF5F5F5"/>
      </bottom>
      <diagonal/>
    </border>
    <border>
      <left/>
      <right/>
      <top style="thin">
        <color theme="0" tint="-4.1077913754692219E-2"/>
      </top>
      <bottom style="thin">
        <color theme="0" tint="-4.1077913754692219E-2"/>
      </bottom>
      <diagonal/>
    </border>
    <border>
      <left/>
      <right style="thin">
        <color theme="0" tint="-0.14450514236884671"/>
      </right>
      <top style="thin">
        <color theme="0" tint="-4.1077913754692219E-2"/>
      </top>
      <bottom style="thin">
        <color theme="0" tint="-4.1077913754692219E-2"/>
      </bottom>
      <diagonal/>
    </border>
    <border>
      <left style="thin">
        <color theme="0" tint="-0.14493240150151065"/>
      </left>
      <right/>
      <top style="thin">
        <color theme="0" tint="-4.1077913754692219E-2"/>
      </top>
      <bottom style="thin">
        <color theme="0" tint="-4.1077913754692219E-2"/>
      </bottom>
      <diagonal/>
    </border>
    <border>
      <left/>
      <right style="thin">
        <color theme="0" tint="-0.14493240150151065"/>
      </right>
      <top style="thin">
        <color theme="0" tint="-4.1077913754692219E-2"/>
      </top>
      <bottom style="thin">
        <color theme="0" tint="-4.1077913754692219E-2"/>
      </bottom>
      <diagonal/>
    </border>
    <border>
      <left style="thin">
        <color rgb="FFDADADA"/>
      </left>
      <right/>
      <top style="thin">
        <color rgb="FFF5F5F5"/>
      </top>
      <bottom style="thin">
        <color rgb="FFDADADA"/>
      </bottom>
      <diagonal/>
    </border>
    <border>
      <left style="thin">
        <color theme="0" tint="-0.14450514236884671"/>
      </left>
      <right/>
      <top style="thin">
        <color theme="0" tint="-0.14450514236884671"/>
      </top>
      <bottom/>
      <diagonal/>
    </border>
    <border>
      <left/>
      <right style="thin">
        <color theme="0" tint="-0.14728232673116246"/>
      </right>
      <top style="thin">
        <color theme="0" tint="-0.14450514236884671"/>
      </top>
      <bottom/>
      <diagonal/>
    </border>
    <border>
      <left style="thin">
        <color theme="0" tint="-0.14450514236884671"/>
      </left>
      <right/>
      <top/>
      <bottom/>
      <diagonal/>
    </border>
    <border>
      <left/>
      <right style="thin">
        <color theme="0" tint="-0.14728232673116246"/>
      </right>
      <top/>
      <bottom/>
      <diagonal/>
    </border>
    <border>
      <left style="thin">
        <color theme="0" tint="-0.14450514236884671"/>
      </left>
      <right/>
      <top/>
      <bottom style="thin">
        <color theme="0" tint="-0.14450514236884671"/>
      </bottom>
      <diagonal/>
    </border>
    <border>
      <left/>
      <right style="thin">
        <color theme="0" tint="-0.14728232673116246"/>
      </right>
      <top/>
      <bottom style="thin">
        <color theme="0" tint="-0.14450514236884671"/>
      </bottom>
      <diagonal/>
    </border>
    <border>
      <left/>
      <right/>
      <top/>
      <bottom style="thin">
        <color theme="0" tint="-0.14450514236884671"/>
      </bottom>
      <diagonal/>
    </border>
    <border>
      <left/>
      <right/>
      <top style="thin">
        <color theme="0" tint="-0.14673299356059449"/>
      </top>
      <bottom style="thin">
        <color theme="0" tint="-4.6754356517227702E-2"/>
      </bottom>
      <diagonal/>
    </border>
    <border>
      <left/>
      <right style="thin">
        <color theme="0" tint="-0.1466719565416425"/>
      </right>
      <top style="thin">
        <color theme="0" tint="-0.14673299356059449"/>
      </top>
      <bottom style="thin">
        <color theme="0" tint="-4.6754356517227702E-2"/>
      </bottom>
      <diagonal/>
    </border>
    <border>
      <left style="thin">
        <color theme="0" tint="-0.1466719565416425"/>
      </left>
      <right/>
      <top style="thin">
        <color theme="0" tint="-0.14673299356059449"/>
      </top>
      <bottom style="thin">
        <color theme="0" tint="-4.6754356517227702E-2"/>
      </bottom>
      <diagonal/>
    </border>
    <border>
      <left/>
      <right style="thin">
        <color theme="0" tint="-0.1466414380321665"/>
      </right>
      <top style="thin">
        <color theme="0" tint="-0.14673299356059449"/>
      </top>
      <bottom style="thin">
        <color theme="0" tint="-4.6754356517227702E-2"/>
      </bottom>
      <diagonal/>
    </border>
    <border>
      <left style="thin">
        <color theme="0" tint="-0.1466414380321665"/>
      </left>
      <right/>
      <top style="thin">
        <color theme="0" tint="-0.14673299356059449"/>
      </top>
      <bottom style="thin">
        <color theme="0" tint="-4.6754356517227702E-2"/>
      </bottom>
      <diagonal/>
    </border>
    <border>
      <left style="thin">
        <color theme="0" tint="-0.14661091952269051"/>
      </left>
      <right/>
      <top style="thin">
        <color theme="0" tint="-0.14673299356059449"/>
      </top>
      <bottom style="thin">
        <color theme="0" tint="-4.6754356517227702E-2"/>
      </bottom>
      <diagonal/>
    </border>
    <border>
      <left/>
      <right style="thin">
        <color theme="0" tint="-0.14688558610797448"/>
      </right>
      <top style="thin">
        <color theme="0" tint="-0.14673299356059449"/>
      </top>
      <bottom style="thin">
        <color theme="0" tint="-4.6754356517227702E-2"/>
      </bottom>
      <diagonal/>
    </border>
    <border>
      <left/>
      <right/>
      <top style="thin">
        <color theme="0" tint="-4.6754356517227702E-2"/>
      </top>
      <bottom style="thin">
        <color theme="0" tint="-4.6754356517227702E-2"/>
      </bottom>
      <diagonal/>
    </border>
    <border>
      <left/>
      <right style="thin">
        <color theme="0" tint="-0.1466719565416425"/>
      </right>
      <top style="thin">
        <color theme="0" tint="-4.6754356517227702E-2"/>
      </top>
      <bottom style="thin">
        <color theme="0" tint="-4.6754356517227702E-2"/>
      </bottom>
      <diagonal/>
    </border>
    <border>
      <left style="thin">
        <color theme="0" tint="-0.1466719565416425"/>
      </left>
      <right/>
      <top style="thin">
        <color theme="0" tint="-4.6754356517227702E-2"/>
      </top>
      <bottom style="thin">
        <color theme="0" tint="-4.6754356517227702E-2"/>
      </bottom>
      <diagonal/>
    </border>
    <border>
      <left/>
      <right style="thin">
        <color theme="0" tint="-0.1466414380321665"/>
      </right>
      <top style="thin">
        <color theme="0" tint="-4.6754356517227702E-2"/>
      </top>
      <bottom style="thin">
        <color theme="0" tint="-4.6754356517227702E-2"/>
      </bottom>
      <diagonal/>
    </border>
    <border>
      <left style="thin">
        <color theme="0" tint="-0.1466414380321665"/>
      </left>
      <right/>
      <top style="thin">
        <color theme="0" tint="-4.6754356517227702E-2"/>
      </top>
      <bottom style="thin">
        <color theme="0" tint="-4.6754356517227702E-2"/>
      </bottom>
      <diagonal/>
    </border>
    <border>
      <left style="thin">
        <color theme="0" tint="-0.14661091952269051"/>
      </left>
      <right/>
      <top style="thin">
        <color theme="0" tint="-4.6754356517227702E-2"/>
      </top>
      <bottom style="thin">
        <color theme="0" tint="-4.6754356517227702E-2"/>
      </bottom>
      <diagonal/>
    </border>
    <border>
      <left/>
      <right style="thin">
        <color theme="0" tint="-0.14688558610797448"/>
      </right>
      <top style="thin">
        <color theme="0" tint="-4.6754356517227702E-2"/>
      </top>
      <bottom style="thin">
        <color theme="0" tint="-4.6754356517227702E-2"/>
      </bottom>
      <diagonal/>
    </border>
    <border>
      <left/>
      <right/>
      <top style="thin">
        <color theme="0" tint="-4.6754356517227702E-2"/>
      </top>
      <bottom style="thin">
        <color theme="0" tint="-0.14673299356059449"/>
      </bottom>
      <diagonal/>
    </border>
    <border>
      <left/>
      <right style="thin">
        <color theme="0" tint="-0.1466719565416425"/>
      </right>
      <top style="thin">
        <color theme="0" tint="-4.6754356517227702E-2"/>
      </top>
      <bottom style="thin">
        <color theme="0" tint="-0.14673299356059449"/>
      </bottom>
      <diagonal/>
    </border>
    <border>
      <left style="thin">
        <color theme="0" tint="-0.1466719565416425"/>
      </left>
      <right/>
      <top style="thin">
        <color theme="0" tint="-4.6754356517227702E-2"/>
      </top>
      <bottom style="thin">
        <color theme="0" tint="-0.14673299356059449"/>
      </bottom>
      <diagonal/>
    </border>
    <border>
      <left/>
      <right style="thin">
        <color theme="0" tint="-0.1466414380321665"/>
      </right>
      <top style="thin">
        <color theme="0" tint="-4.6754356517227702E-2"/>
      </top>
      <bottom style="thin">
        <color theme="0" tint="-0.14673299356059449"/>
      </bottom>
      <diagonal/>
    </border>
    <border>
      <left style="thin">
        <color theme="0" tint="-0.1466414380321665"/>
      </left>
      <right/>
      <top style="thin">
        <color theme="0" tint="-4.6754356517227702E-2"/>
      </top>
      <bottom style="thin">
        <color theme="0" tint="-0.14673299356059449"/>
      </bottom>
      <diagonal/>
    </border>
    <border>
      <left style="thin">
        <color theme="0" tint="-0.14661091952269051"/>
      </left>
      <right/>
      <top style="thin">
        <color theme="0" tint="-4.6754356517227702E-2"/>
      </top>
      <bottom style="thin">
        <color theme="0" tint="-0.14673299356059449"/>
      </bottom>
      <diagonal/>
    </border>
    <border>
      <left/>
      <right style="thin">
        <color theme="0" tint="-0.14688558610797448"/>
      </right>
      <top style="thin">
        <color theme="0" tint="-4.6754356517227702E-2"/>
      </top>
      <bottom style="thin">
        <color theme="0" tint="-0.14673299356059449"/>
      </bottom>
      <diagonal/>
    </border>
    <border>
      <left/>
      <right/>
      <top style="thin">
        <color theme="0" tint="-0.14673299356059449"/>
      </top>
      <bottom style="thin">
        <color theme="0" tint="-0.14673299356059449"/>
      </bottom>
      <diagonal/>
    </border>
    <border>
      <left/>
      <right style="thin">
        <color theme="0" tint="-0.1466719565416425"/>
      </right>
      <top style="thin">
        <color theme="0" tint="-0.14673299356059449"/>
      </top>
      <bottom style="thin">
        <color theme="0" tint="-0.14673299356059449"/>
      </bottom>
      <diagonal/>
    </border>
    <border>
      <left style="thin">
        <color theme="0" tint="-0.1466719565416425"/>
      </left>
      <right/>
      <top style="thin">
        <color theme="0" tint="-0.14673299356059449"/>
      </top>
      <bottom style="thin">
        <color theme="0" tint="-0.14673299356059449"/>
      </bottom>
      <diagonal/>
    </border>
    <border>
      <left/>
      <right style="thin">
        <color theme="0" tint="-0.1466414380321665"/>
      </right>
      <top style="thin">
        <color theme="0" tint="-0.14673299356059449"/>
      </top>
      <bottom style="thin">
        <color theme="0" tint="-0.14673299356059449"/>
      </bottom>
      <diagonal/>
    </border>
    <border>
      <left style="thin">
        <color theme="0" tint="-0.1466414380321665"/>
      </left>
      <right/>
      <top style="thin">
        <color theme="0" tint="-0.14673299356059449"/>
      </top>
      <bottom style="thin">
        <color theme="0" tint="-0.14673299356059449"/>
      </bottom>
      <diagonal/>
    </border>
    <border>
      <left style="thin">
        <color theme="0" tint="-0.14661091952269051"/>
      </left>
      <right/>
      <top style="thin">
        <color theme="0" tint="-0.14673299356059449"/>
      </top>
      <bottom style="thin">
        <color theme="0" tint="-0.14673299356059449"/>
      </bottom>
      <diagonal/>
    </border>
    <border>
      <left/>
      <right style="thin">
        <color theme="0" tint="-0.14688558610797448"/>
      </right>
      <top style="thin">
        <color theme="0" tint="-0.14673299356059449"/>
      </top>
      <bottom style="thin">
        <color theme="0" tint="-0.14673299356059449"/>
      </bottom>
      <diagonal/>
    </border>
    <border>
      <left/>
      <right style="thin">
        <color theme="0" tint="-0.14719077120273447"/>
      </right>
      <top style="thin">
        <color theme="0" tint="-0.14722128971221046"/>
      </top>
      <bottom style="thin">
        <color theme="0" tint="-0.14719077120273447"/>
      </bottom>
      <diagonal/>
    </border>
    <border>
      <left/>
      <right style="thin">
        <color theme="0" tint="-0.14719077120273447"/>
      </right>
      <top style="thin">
        <color theme="0" tint="-0.14719077120273447"/>
      </top>
      <bottom/>
      <diagonal/>
    </border>
    <border>
      <left/>
      <right style="thin">
        <color theme="0" tint="-0.14719077120273447"/>
      </right>
      <top style="thin">
        <color theme="0" tint="-4.9989318521683403E-2"/>
      </top>
      <bottom style="thin">
        <color theme="0" tint="-4.9989318521683403E-2"/>
      </bottom>
      <diagonal/>
    </border>
    <border>
      <left/>
      <right style="thin">
        <color theme="0" tint="-0.14719077120273447"/>
      </right>
      <top/>
      <bottom style="thin">
        <color theme="0" tint="-0.14719077120273447"/>
      </bottom>
      <diagonal/>
    </border>
    <border>
      <left/>
      <right/>
      <top style="thin">
        <color theme="0" tint="-0.14688558610797448"/>
      </top>
      <bottom style="thin">
        <color theme="0" tint="-4.6906949064607684E-2"/>
      </bottom>
      <diagonal/>
    </border>
    <border>
      <left style="thin">
        <color theme="0" tint="-0.14682454908902248"/>
      </left>
      <right/>
      <top style="thin">
        <color theme="0" tint="-0.14688558610797448"/>
      </top>
      <bottom style="thin">
        <color theme="0" tint="-4.6906949064607684E-2"/>
      </bottom>
      <diagonal/>
    </border>
    <border>
      <left style="thin">
        <color theme="0" tint="-0.14676351207007049"/>
      </left>
      <right/>
      <top style="thin">
        <color theme="0" tint="-0.14688558610797448"/>
      </top>
      <bottom style="thin">
        <color theme="0" tint="-4.6906949064607684E-2"/>
      </bottom>
      <diagonal/>
    </border>
    <border>
      <left/>
      <right style="thin">
        <color theme="0" tint="-0.14673299356059449"/>
      </right>
      <top style="thin">
        <color theme="0" tint="-0.14688558610797448"/>
      </top>
      <bottom style="thin">
        <color theme="0" tint="-4.6906949064607684E-2"/>
      </bottom>
      <diagonal/>
    </border>
    <border>
      <left/>
      <right/>
      <top style="thin">
        <color theme="0" tint="-4.6906949064607684E-2"/>
      </top>
      <bottom style="thin">
        <color theme="0" tint="-4.6906949064607684E-2"/>
      </bottom>
      <diagonal/>
    </border>
    <border>
      <left style="thin">
        <color theme="0" tint="-0.14682454908902248"/>
      </left>
      <right/>
      <top style="thin">
        <color theme="0" tint="-4.6906949064607684E-2"/>
      </top>
      <bottom style="thin">
        <color theme="0" tint="-4.6906949064607684E-2"/>
      </bottom>
      <diagonal/>
    </border>
    <border>
      <left style="thin">
        <color theme="0" tint="-0.14676351207007049"/>
      </left>
      <right/>
      <top style="thin">
        <color theme="0" tint="-4.6906949064607684E-2"/>
      </top>
      <bottom style="thin">
        <color theme="0" tint="-4.6906949064607684E-2"/>
      </bottom>
      <diagonal/>
    </border>
    <border>
      <left/>
      <right style="thin">
        <color theme="0" tint="-0.14673299356059449"/>
      </right>
      <top style="thin">
        <color theme="0" tint="-4.6906949064607684E-2"/>
      </top>
      <bottom style="thin">
        <color theme="0" tint="-4.6906949064607684E-2"/>
      </bottom>
      <diagonal/>
    </border>
    <border>
      <left/>
      <right/>
      <top style="thin">
        <color theme="0" tint="-4.6906949064607684E-2"/>
      </top>
      <bottom style="thin">
        <color theme="0" tint="-0.14688558610797448"/>
      </bottom>
      <diagonal/>
    </border>
    <border>
      <left style="thin">
        <color theme="0" tint="-0.14682454908902248"/>
      </left>
      <right/>
      <top style="thin">
        <color theme="0" tint="-4.6906949064607684E-2"/>
      </top>
      <bottom style="thin">
        <color theme="0" tint="-0.14688558610797448"/>
      </bottom>
      <diagonal/>
    </border>
    <border>
      <left style="thin">
        <color theme="0" tint="-0.14676351207007049"/>
      </left>
      <right/>
      <top style="thin">
        <color theme="0" tint="-4.6906949064607684E-2"/>
      </top>
      <bottom style="thin">
        <color theme="0" tint="-0.14688558610797448"/>
      </bottom>
      <diagonal/>
    </border>
    <border>
      <left/>
      <right style="thin">
        <color theme="0" tint="-0.14673299356059449"/>
      </right>
      <top style="thin">
        <color theme="0" tint="-4.6906949064607684E-2"/>
      </top>
      <bottom style="thin">
        <color theme="0" tint="-0.14688558610797448"/>
      </bottom>
      <diagonal/>
    </border>
    <border>
      <left/>
      <right/>
      <top style="thin">
        <color theme="0" tint="-0.1466414380321665"/>
      </top>
      <bottom style="thin">
        <color theme="0" tint="-4.6662800988799706E-2"/>
      </bottom>
      <diagonal/>
    </border>
    <border>
      <left/>
      <right style="thin">
        <color theme="0" tint="-0.1466414380321665"/>
      </right>
      <top style="thin">
        <color theme="0" tint="-0.1466414380321665"/>
      </top>
      <bottom style="thin">
        <color theme="0" tint="-4.6662800988799706E-2"/>
      </bottom>
      <diagonal/>
    </border>
    <border>
      <left style="thin">
        <color theme="0" tint="-0.1466414380321665"/>
      </left>
      <right/>
      <top style="thin">
        <color theme="0" tint="-0.1466414380321665"/>
      </top>
      <bottom style="thin">
        <color theme="0" tint="-4.6662800988799706E-2"/>
      </bottom>
      <diagonal/>
    </border>
    <border>
      <left style="thin">
        <color theme="0" tint="-0.1466719565416425"/>
      </left>
      <right/>
      <top style="thin">
        <color theme="0" tint="-0.1466414380321665"/>
      </top>
      <bottom style="thin">
        <color theme="0" tint="-4.6662800988799706E-2"/>
      </bottom>
      <diagonal/>
    </border>
    <border>
      <left/>
      <right style="thin">
        <color theme="0" tint="-0.14661091952269051"/>
      </right>
      <top style="thin">
        <color theme="0" tint="-0.1466414380321665"/>
      </top>
      <bottom style="thin">
        <color theme="0" tint="-4.6662800988799706E-2"/>
      </bottom>
      <diagonal/>
    </border>
    <border>
      <left/>
      <right/>
      <top style="thin">
        <color theme="0" tint="-4.6662800988799706E-2"/>
      </top>
      <bottom style="thin">
        <color theme="0" tint="-4.6662800988799706E-2"/>
      </bottom>
      <diagonal/>
    </border>
    <border>
      <left/>
      <right style="thin">
        <color theme="0" tint="-0.1466414380321665"/>
      </right>
      <top style="thin">
        <color theme="0" tint="-4.6662800988799706E-2"/>
      </top>
      <bottom style="thin">
        <color theme="0" tint="-4.6662800988799706E-2"/>
      </bottom>
      <diagonal/>
    </border>
    <border>
      <left style="thin">
        <color theme="0" tint="-0.1466414380321665"/>
      </left>
      <right/>
      <top style="thin">
        <color theme="0" tint="-4.6662800988799706E-2"/>
      </top>
      <bottom style="thin">
        <color theme="0" tint="-4.6662800988799706E-2"/>
      </bottom>
      <diagonal/>
    </border>
    <border>
      <left style="thin">
        <color theme="0" tint="-0.1466719565416425"/>
      </left>
      <right/>
      <top style="thin">
        <color theme="0" tint="-4.6662800988799706E-2"/>
      </top>
      <bottom style="thin">
        <color theme="0" tint="-4.6662800988799706E-2"/>
      </bottom>
      <diagonal/>
    </border>
    <border>
      <left/>
      <right style="thin">
        <color theme="0" tint="-0.14661091952269051"/>
      </right>
      <top style="thin">
        <color theme="0" tint="-4.6662800988799706E-2"/>
      </top>
      <bottom style="thin">
        <color theme="0" tint="-4.6662800988799706E-2"/>
      </bottom>
      <diagonal/>
    </border>
    <border>
      <left/>
      <right/>
      <top style="thin">
        <color theme="0" tint="-0.1466719565416425"/>
      </top>
      <bottom style="thin">
        <color theme="0" tint="-0.1466719565416425"/>
      </bottom>
      <diagonal/>
    </border>
    <border>
      <left/>
      <right style="thin">
        <color theme="0" tint="-0.1466414380321665"/>
      </right>
      <top style="thin">
        <color theme="0" tint="-0.1466719565416425"/>
      </top>
      <bottom style="thin">
        <color theme="0" tint="-0.1466719565416425"/>
      </bottom>
      <diagonal/>
    </border>
    <border>
      <left style="thin">
        <color theme="0" tint="-0.1466414380321665"/>
      </left>
      <right/>
      <top style="thin">
        <color theme="0" tint="-0.1466719565416425"/>
      </top>
      <bottom style="thin">
        <color theme="0" tint="-0.1466719565416425"/>
      </bottom>
      <diagonal/>
    </border>
    <border>
      <left style="thin">
        <color theme="0" tint="-0.1466719565416425"/>
      </left>
      <right/>
      <top style="thin">
        <color theme="0" tint="-0.1466719565416425"/>
      </top>
      <bottom style="thin">
        <color theme="0" tint="-0.1466719565416425"/>
      </bottom>
      <diagonal/>
    </border>
    <border>
      <left/>
      <right style="thin">
        <color theme="0" tint="-0.14835047456282235"/>
      </right>
      <top style="thin">
        <color theme="0" tint="-0.1466719565416425"/>
      </top>
      <bottom style="thin">
        <color theme="0" tint="-0.1466719565416425"/>
      </bottom>
      <diagonal/>
    </border>
    <border>
      <left style="thin">
        <color theme="0" tint="-0.14661091952269051"/>
      </left>
      <right/>
      <top style="thin">
        <color theme="0" tint="-0.1466719565416425"/>
      </top>
      <bottom style="thin">
        <color theme="0" tint="-4.062013611255226E-2"/>
      </bottom>
      <diagonal/>
    </border>
    <border>
      <left style="thin">
        <color theme="0" tint="-0.14661091952269051"/>
      </left>
      <right/>
      <top style="thin">
        <color theme="0" tint="-4.062013611255226E-2"/>
      </top>
      <bottom style="thin">
        <color theme="0" tint="-4.062013611255226E-2"/>
      </bottom>
      <diagonal/>
    </border>
    <border>
      <left/>
      <right style="thin">
        <color theme="0" tint="-0.14835047456282235"/>
      </right>
      <top style="thin">
        <color theme="0" tint="-4.062013611255226E-2"/>
      </top>
      <bottom style="thin">
        <color theme="0" tint="-4.062013611255226E-2"/>
      </bottom>
      <diagonal/>
    </border>
    <border>
      <left/>
      <right/>
      <top style="thin">
        <color theme="0" tint="-4.062013611255226E-2"/>
      </top>
      <bottom style="thin">
        <color theme="0" tint="-4.062013611255226E-2"/>
      </bottom>
      <diagonal/>
    </border>
    <border>
      <left style="thin">
        <color theme="0" tint="-0.14661091952269051"/>
      </left>
      <right/>
      <top style="thin">
        <color theme="0" tint="-0.1466719565416425"/>
      </top>
      <bottom style="thin">
        <color theme="0" tint="-0.1466719565416425"/>
      </bottom>
      <diagonal/>
    </border>
    <border>
      <left/>
      <right/>
      <top style="thin">
        <color theme="0" tint="-4.6662800988799706E-2"/>
      </top>
      <bottom style="thin">
        <color theme="0" tint="-0.1466414380321665"/>
      </bottom>
      <diagonal/>
    </border>
    <border>
      <left/>
      <right style="thin">
        <color theme="0" tint="-0.1466414380321665"/>
      </right>
      <top style="thin">
        <color theme="0" tint="-4.6662800988799706E-2"/>
      </top>
      <bottom style="thin">
        <color theme="0" tint="-0.1466414380321665"/>
      </bottom>
      <diagonal/>
    </border>
    <border>
      <left style="thin">
        <color theme="0" tint="-0.1466414380321665"/>
      </left>
      <right/>
      <top style="thin">
        <color theme="0" tint="-4.6662800988799706E-2"/>
      </top>
      <bottom style="thin">
        <color theme="0" tint="-0.1466414380321665"/>
      </bottom>
      <diagonal/>
    </border>
    <border>
      <left style="thin">
        <color theme="0" tint="-0.1466719565416425"/>
      </left>
      <right/>
      <top style="thin">
        <color theme="0" tint="-4.6662800988799706E-2"/>
      </top>
      <bottom style="thin">
        <color theme="0" tint="-0.1466414380321665"/>
      </bottom>
      <diagonal/>
    </border>
    <border>
      <left/>
      <right/>
      <top style="thin">
        <color theme="0" tint="-4.7059541611987672E-2"/>
      </top>
      <bottom style="thin">
        <color theme="0" tint="-4.7059541611987672E-2"/>
      </bottom>
      <diagonal/>
    </border>
    <border>
      <left style="thin">
        <color theme="0" tint="-0.14700766014587849"/>
      </left>
      <right/>
      <top style="thin">
        <color theme="0" tint="-4.7059541611987672E-2"/>
      </top>
      <bottom style="thin">
        <color theme="0" tint="-4.7059541611987672E-2"/>
      </bottom>
      <diagonal/>
    </border>
    <border>
      <left style="thin">
        <color theme="0" tint="-0.14694662312692647"/>
      </left>
      <right/>
      <top style="thin">
        <color theme="0" tint="-4.7059541611987672E-2"/>
      </top>
      <bottom style="thin">
        <color theme="0" tint="-4.7059541611987672E-2"/>
      </bottom>
      <diagonal/>
    </border>
    <border>
      <left/>
      <right style="thin">
        <color theme="0" tint="-0.14691610461745047"/>
      </right>
      <top style="thin">
        <color theme="0" tint="-4.7059541611987672E-2"/>
      </top>
      <bottom style="thin">
        <color theme="0" tint="-4.7059541611987672E-2"/>
      </bottom>
      <diagonal/>
    </border>
    <border>
      <left/>
      <right/>
      <top style="thin">
        <color theme="0" tint="-4.7059541611987672E-2"/>
      </top>
      <bottom style="thin">
        <color theme="0" tint="-0.14703817865535448"/>
      </bottom>
      <diagonal/>
    </border>
    <border>
      <left style="thin">
        <color theme="0" tint="-0.14700766014587849"/>
      </left>
      <right/>
      <top style="thin">
        <color theme="0" tint="-4.7059541611987672E-2"/>
      </top>
      <bottom style="thin">
        <color theme="0" tint="-0.14703817865535448"/>
      </bottom>
      <diagonal/>
    </border>
    <border>
      <left style="thin">
        <color theme="0" tint="-0.14694662312692647"/>
      </left>
      <right/>
      <top style="thin">
        <color theme="0" tint="-4.7059541611987672E-2"/>
      </top>
      <bottom style="thin">
        <color theme="0" tint="-0.14703817865535448"/>
      </bottom>
      <diagonal/>
    </border>
    <border>
      <left/>
      <right style="thin">
        <color theme="0" tint="-0.14691610461745047"/>
      </right>
      <top style="thin">
        <color theme="0" tint="-4.7059541611987672E-2"/>
      </top>
      <bottom style="thin">
        <color theme="0" tint="-0.14703817865535448"/>
      </bottom>
      <diagonal/>
    </border>
    <border>
      <left/>
      <right/>
      <top style="thin">
        <color theme="0" tint="-0.14789269692068238"/>
      </top>
      <bottom style="thin">
        <color theme="0" tint="-4.797509689626759E-2"/>
      </bottom>
      <diagonal/>
    </border>
    <border>
      <left/>
      <right style="thin">
        <color theme="0" tint="-0.14783165990173039"/>
      </right>
      <top style="thin">
        <color theme="0" tint="-0.14789269692068238"/>
      </top>
      <bottom style="thin">
        <color theme="0" tint="-4.797509689626759E-2"/>
      </bottom>
      <diagonal/>
    </border>
    <border>
      <left style="thin">
        <color theme="0" tint="-0.14783165990173039"/>
      </left>
      <right/>
      <top style="thin">
        <color theme="0" tint="-0.14789269692068238"/>
      </top>
      <bottom style="thin">
        <color theme="0" tint="-4.797509689626759E-2"/>
      </bottom>
      <diagonal/>
    </border>
    <border>
      <left/>
      <right style="thin">
        <color theme="0" tint="-0.14780114139225439"/>
      </right>
      <top style="thin">
        <color theme="0" tint="-0.14789269692068238"/>
      </top>
      <bottom style="thin">
        <color theme="0" tint="-4.797509689626759E-2"/>
      </bottom>
      <diagonal/>
    </border>
    <border>
      <left/>
      <right/>
      <top style="thin">
        <color theme="0" tint="-4.797509689626759E-2"/>
      </top>
      <bottom style="thin">
        <color theme="0" tint="-4.797509689626759E-2"/>
      </bottom>
      <diagonal/>
    </border>
    <border>
      <left/>
      <right style="thin">
        <color theme="0" tint="-0.14783165990173039"/>
      </right>
      <top style="thin">
        <color theme="0" tint="-4.797509689626759E-2"/>
      </top>
      <bottom style="thin">
        <color theme="0" tint="-4.797509689626759E-2"/>
      </bottom>
      <diagonal/>
    </border>
    <border>
      <left style="thin">
        <color theme="0" tint="-0.14783165990173039"/>
      </left>
      <right/>
      <top style="thin">
        <color theme="0" tint="-4.797509689626759E-2"/>
      </top>
      <bottom style="thin">
        <color theme="0" tint="-4.797509689626759E-2"/>
      </bottom>
      <diagonal/>
    </border>
    <border>
      <left/>
      <right style="thin">
        <color theme="0" tint="-0.14780114139225439"/>
      </right>
      <top style="thin">
        <color theme="0" tint="-4.797509689626759E-2"/>
      </top>
      <bottom style="thin">
        <color theme="0" tint="-4.797509689626759E-2"/>
      </bottom>
      <diagonal/>
    </border>
    <border>
      <left/>
      <right/>
      <top style="thin">
        <color theme="0" tint="-4.797509689626759E-2"/>
      </top>
      <bottom style="thin">
        <color theme="0" tint="-0.1479537339396344"/>
      </bottom>
      <diagonal/>
    </border>
    <border>
      <left/>
      <right style="thin">
        <color theme="0" tint="-0.14783165990173039"/>
      </right>
      <top style="thin">
        <color theme="0" tint="-4.797509689626759E-2"/>
      </top>
      <bottom style="thin">
        <color theme="0" tint="-0.1479537339396344"/>
      </bottom>
      <diagonal/>
    </border>
    <border>
      <left style="thin">
        <color theme="0" tint="-0.14783165990173039"/>
      </left>
      <right/>
      <top style="thin">
        <color theme="0" tint="-4.797509689626759E-2"/>
      </top>
      <bottom style="thin">
        <color theme="0" tint="-0.1479537339396344"/>
      </bottom>
      <diagonal/>
    </border>
    <border>
      <left/>
      <right style="thin">
        <color theme="0" tint="-0.14780114139225439"/>
      </right>
      <top style="thin">
        <color theme="0" tint="-4.797509689626759E-2"/>
      </top>
      <bottom style="thin">
        <color theme="0" tint="-0.1479537339396344"/>
      </bottom>
      <diagonal/>
    </border>
    <border>
      <left/>
      <right style="thin">
        <color theme="0" tint="-0.1479537339396344"/>
      </right>
      <top style="thin">
        <color theme="0" tint="-4.797509689626759E-2"/>
      </top>
      <bottom style="thin">
        <color theme="0" tint="-4.797509689626759E-2"/>
      </bottom>
      <diagonal/>
    </border>
    <border>
      <left style="thin">
        <color theme="0" tint="-0.1479537339396344"/>
      </left>
      <right/>
      <top style="thin">
        <color theme="0" tint="-4.797509689626759E-2"/>
      </top>
      <bottom style="thin">
        <color theme="0" tint="-4.797509689626759E-2"/>
      </bottom>
      <diagonal/>
    </border>
    <border>
      <left/>
      <right style="thin">
        <color theme="0" tint="-0.14792321543015838"/>
      </right>
      <top style="thin">
        <color theme="0" tint="-4.797509689626759E-2"/>
      </top>
      <bottom style="thin">
        <color theme="0" tint="-4.797509689626759E-2"/>
      </bottom>
      <diagonal/>
    </border>
    <border>
      <left/>
      <right/>
      <top style="thin">
        <color theme="0" tint="-4.797509689626759E-2"/>
      </top>
      <bottom style="thin">
        <color theme="0" tint="-0.14789269692068238"/>
      </bottom>
      <diagonal/>
    </border>
    <border>
      <left/>
      <right style="thin">
        <color theme="0" tint="-0.1479537339396344"/>
      </right>
      <top style="thin">
        <color theme="0" tint="-4.797509689626759E-2"/>
      </top>
      <bottom style="thin">
        <color theme="0" tint="-0.14789269692068238"/>
      </bottom>
      <diagonal/>
    </border>
    <border>
      <left style="thin">
        <color theme="0" tint="-0.1479537339396344"/>
      </left>
      <right/>
      <top style="thin">
        <color theme="0" tint="-4.797509689626759E-2"/>
      </top>
      <bottom style="thin">
        <color theme="0" tint="-0.14789269692068238"/>
      </bottom>
      <diagonal/>
    </border>
    <border>
      <left/>
      <right style="thin">
        <color theme="0" tint="-0.14792321543015838"/>
      </right>
      <top style="thin">
        <color theme="0" tint="-4.797509689626759E-2"/>
      </top>
      <bottom style="thin">
        <color theme="0" tint="-0.14789269692068238"/>
      </bottom>
      <diagonal/>
    </border>
    <border>
      <left/>
      <right/>
      <top style="thin">
        <color theme="0" tint="-0.14789269692068238"/>
      </top>
      <bottom style="thin">
        <color theme="0" tint="-0.14789269692068238"/>
      </bottom>
      <diagonal/>
    </border>
    <border>
      <left/>
      <right style="thin">
        <color theme="0" tint="-0.1479537339396344"/>
      </right>
      <top style="thin">
        <color theme="0" tint="-0.14789269692068238"/>
      </top>
      <bottom style="thin">
        <color theme="0" tint="-0.14789269692068238"/>
      </bottom>
      <diagonal/>
    </border>
    <border>
      <left style="thin">
        <color theme="0" tint="-0.1479537339396344"/>
      </left>
      <right/>
      <top style="thin">
        <color theme="0" tint="-0.14789269692068238"/>
      </top>
      <bottom style="thin">
        <color theme="0" tint="-0.14789269692068238"/>
      </bottom>
      <diagonal/>
    </border>
    <border>
      <left/>
      <right style="thin">
        <color theme="0" tint="-0.14792321543015838"/>
      </right>
      <top style="thin">
        <color theme="0" tint="-0.14789269692068238"/>
      </top>
      <bottom style="thin">
        <color theme="0" tint="-0.14789269692068238"/>
      </bottom>
      <diagonal/>
    </border>
    <border>
      <left/>
      <right style="thin">
        <color theme="0" tint="-0.1479537339396344"/>
      </right>
      <top style="thin">
        <color theme="0" tint="-0.14789269692068238"/>
      </top>
      <bottom style="thin">
        <color theme="0" tint="-4.797509689626759E-2"/>
      </bottom>
      <diagonal/>
    </border>
    <border>
      <left style="thin">
        <color theme="0" tint="-0.1479537339396344"/>
      </left>
      <right/>
      <top style="thin">
        <color theme="0" tint="-0.14789269692068238"/>
      </top>
      <bottom style="thin">
        <color theme="0" tint="-4.797509689626759E-2"/>
      </bottom>
      <diagonal/>
    </border>
    <border>
      <left/>
      <right style="thin">
        <color theme="0" tint="-0.14792321543015838"/>
      </right>
      <top style="thin">
        <color theme="0" tint="-0.14789269692068238"/>
      </top>
      <bottom style="thin">
        <color theme="0" tint="-4.797509689626759E-2"/>
      </bottom>
      <diagonal/>
    </border>
    <border>
      <left/>
      <right style="thin">
        <color theme="0" tint="-0.1479537339396344"/>
      </right>
      <top style="thin">
        <color theme="0" tint="-4.797509689626759E-2"/>
      </top>
      <bottom style="thin">
        <color theme="0" tint="-0.1479537339396344"/>
      </bottom>
      <diagonal/>
    </border>
    <border>
      <left style="thin">
        <color theme="0" tint="-0.1479537339396344"/>
      </left>
      <right/>
      <top style="thin">
        <color theme="0" tint="-4.797509689626759E-2"/>
      </top>
      <bottom style="thin">
        <color theme="0" tint="-0.1479537339396344"/>
      </bottom>
      <diagonal/>
    </border>
    <border>
      <left/>
      <right style="thin">
        <color theme="0" tint="-0.14792321543015838"/>
      </right>
      <top style="thin">
        <color theme="0" tint="-4.797509689626759E-2"/>
      </top>
      <bottom style="thin">
        <color theme="0" tint="-0.1479537339396344"/>
      </bottom>
      <diagonal/>
    </border>
    <border>
      <left/>
      <right/>
      <top style="thin">
        <color theme="0" tint="-0.14548173467207862"/>
      </top>
      <bottom style="thin">
        <color theme="0" tint="-4.5503097628711811E-2"/>
      </bottom>
      <diagonal/>
    </border>
    <border>
      <left/>
      <right style="thin">
        <color theme="0" tint="-0.14542069765312662"/>
      </right>
      <top style="thin">
        <color theme="0" tint="-0.14548173467207862"/>
      </top>
      <bottom style="thin">
        <color theme="0" tint="-4.5503097628711811E-2"/>
      </bottom>
      <diagonal/>
    </border>
    <border>
      <left style="thin">
        <color theme="0" tint="-0.14542069765312662"/>
      </left>
      <right/>
      <top style="thin">
        <color theme="0" tint="-0.14548173467207862"/>
      </top>
      <bottom style="thin">
        <color theme="0" tint="-4.5503097628711811E-2"/>
      </bottom>
      <diagonal/>
    </border>
    <border>
      <left/>
      <right style="thin">
        <color theme="0" tint="-0.14539017914365063"/>
      </right>
      <top style="thin">
        <color theme="0" tint="-0.14548173467207862"/>
      </top>
      <bottom style="thin">
        <color theme="0" tint="-4.5503097628711811E-2"/>
      </bottom>
      <diagonal/>
    </border>
    <border>
      <left style="thin">
        <color theme="0" tint="-0.14539017914365063"/>
      </left>
      <right/>
      <top style="thin">
        <color theme="0" tint="-0.14548173467207862"/>
      </top>
      <bottom style="thin">
        <color theme="0" tint="-4.5503097628711811E-2"/>
      </bottom>
      <diagonal/>
    </border>
    <border>
      <left style="thin">
        <color theme="0" tint="-0.14535966063417463"/>
      </left>
      <right/>
      <top style="thin">
        <color theme="0" tint="-0.14548173467207862"/>
      </top>
      <bottom style="thin">
        <color theme="0" tint="-4.5503097628711811E-2"/>
      </bottom>
      <diagonal/>
    </border>
    <border>
      <left/>
      <right style="thin">
        <color theme="0" tint="-0.1456343272194586"/>
      </right>
      <top style="thin">
        <color theme="0" tint="-0.14548173467207862"/>
      </top>
      <bottom style="thin">
        <color theme="0" tint="-4.5503097628711811E-2"/>
      </bottom>
      <diagonal/>
    </border>
    <border>
      <left/>
      <right/>
      <top style="thin">
        <color theme="0" tint="-4.5503097628711811E-2"/>
      </top>
      <bottom style="thin">
        <color theme="0" tint="-4.5503097628711811E-2"/>
      </bottom>
      <diagonal/>
    </border>
    <border>
      <left/>
      <right style="thin">
        <color theme="0" tint="-0.14542069765312662"/>
      </right>
      <top style="thin">
        <color theme="0" tint="-4.5503097628711811E-2"/>
      </top>
      <bottom style="thin">
        <color theme="0" tint="-4.5503097628711811E-2"/>
      </bottom>
      <diagonal/>
    </border>
    <border>
      <left style="thin">
        <color theme="0" tint="-0.14542069765312662"/>
      </left>
      <right/>
      <top style="thin">
        <color theme="0" tint="-4.5503097628711811E-2"/>
      </top>
      <bottom style="thin">
        <color theme="0" tint="-4.5503097628711811E-2"/>
      </bottom>
      <diagonal/>
    </border>
    <border>
      <left/>
      <right style="thin">
        <color theme="0" tint="-0.14539017914365063"/>
      </right>
      <top style="thin">
        <color theme="0" tint="-4.5503097628711811E-2"/>
      </top>
      <bottom style="thin">
        <color theme="0" tint="-4.5503097628711811E-2"/>
      </bottom>
      <diagonal/>
    </border>
    <border>
      <left style="thin">
        <color theme="0" tint="-0.14539017914365063"/>
      </left>
      <right/>
      <top style="thin">
        <color theme="0" tint="-4.5503097628711811E-2"/>
      </top>
      <bottom style="thin">
        <color theme="0" tint="-4.5503097628711811E-2"/>
      </bottom>
      <diagonal/>
    </border>
    <border>
      <left style="thin">
        <color theme="0" tint="-0.14535966063417463"/>
      </left>
      <right/>
      <top style="thin">
        <color theme="0" tint="-4.5503097628711811E-2"/>
      </top>
      <bottom style="thin">
        <color theme="0" tint="-4.5503097628711811E-2"/>
      </bottom>
      <diagonal/>
    </border>
    <border>
      <left/>
      <right style="thin">
        <color theme="0" tint="-0.1456343272194586"/>
      </right>
      <top style="thin">
        <color theme="0" tint="-4.5503097628711811E-2"/>
      </top>
      <bottom style="thin">
        <color theme="0" tint="-4.5503097628711811E-2"/>
      </bottom>
      <diagonal/>
    </border>
    <border>
      <left/>
      <right/>
      <top style="thin">
        <color theme="0" tint="-4.5503097628711811E-2"/>
      </top>
      <bottom style="thin">
        <color theme="0" tint="-0.14548173467207862"/>
      </bottom>
      <diagonal/>
    </border>
    <border>
      <left/>
      <right style="thin">
        <color theme="0" tint="-0.14542069765312662"/>
      </right>
      <top style="thin">
        <color theme="0" tint="-4.5503097628711811E-2"/>
      </top>
      <bottom style="thin">
        <color theme="0" tint="-0.14548173467207862"/>
      </bottom>
      <diagonal/>
    </border>
    <border>
      <left style="thin">
        <color theme="0" tint="-0.14542069765312662"/>
      </left>
      <right/>
      <top style="thin">
        <color theme="0" tint="-4.5503097628711811E-2"/>
      </top>
      <bottom style="thin">
        <color theme="0" tint="-0.14548173467207862"/>
      </bottom>
      <diagonal/>
    </border>
    <border>
      <left/>
      <right style="thin">
        <color theme="0" tint="-0.14539017914365063"/>
      </right>
      <top style="thin">
        <color theme="0" tint="-4.5503097628711811E-2"/>
      </top>
      <bottom style="thin">
        <color theme="0" tint="-0.14548173467207862"/>
      </bottom>
      <diagonal/>
    </border>
    <border>
      <left style="thin">
        <color theme="0" tint="-0.14539017914365063"/>
      </left>
      <right/>
      <top style="thin">
        <color theme="0" tint="-4.5503097628711811E-2"/>
      </top>
      <bottom style="thin">
        <color theme="0" tint="-0.14548173467207862"/>
      </bottom>
      <diagonal/>
    </border>
    <border>
      <left style="thin">
        <color theme="0" tint="-0.14535966063417463"/>
      </left>
      <right/>
      <top style="thin">
        <color theme="0" tint="-4.5503097628711811E-2"/>
      </top>
      <bottom style="thin">
        <color theme="0" tint="-0.14548173467207862"/>
      </bottom>
      <diagonal/>
    </border>
    <border>
      <left/>
      <right style="thin">
        <color theme="0" tint="-0.1456343272194586"/>
      </right>
      <top style="thin">
        <color theme="0" tint="-4.5503097628711811E-2"/>
      </top>
      <bottom style="thin">
        <color theme="0" tint="-0.14548173467207862"/>
      </bottom>
      <diagonal/>
    </border>
    <border>
      <left/>
      <right/>
      <top style="thin">
        <color theme="0" tint="-0.14548173467207862"/>
      </top>
      <bottom style="thin">
        <color theme="0" tint="-0.14548173467207862"/>
      </bottom>
      <diagonal/>
    </border>
    <border>
      <left/>
      <right style="thin">
        <color theme="0" tint="-0.14542069765312662"/>
      </right>
      <top style="thin">
        <color theme="0" tint="-0.14548173467207862"/>
      </top>
      <bottom style="thin">
        <color theme="0" tint="-0.14548173467207862"/>
      </bottom>
      <diagonal/>
    </border>
    <border>
      <left style="thin">
        <color theme="0" tint="-0.14542069765312662"/>
      </left>
      <right/>
      <top style="thin">
        <color theme="0" tint="-0.14548173467207862"/>
      </top>
      <bottom style="thin">
        <color theme="0" tint="-0.14548173467207862"/>
      </bottom>
      <diagonal/>
    </border>
    <border>
      <left/>
      <right style="thin">
        <color theme="0" tint="-0.14539017914365063"/>
      </right>
      <top style="thin">
        <color theme="0" tint="-0.14548173467207862"/>
      </top>
      <bottom style="thin">
        <color theme="0" tint="-0.14548173467207862"/>
      </bottom>
      <diagonal/>
    </border>
    <border>
      <left style="thin">
        <color theme="0" tint="-0.14539017914365063"/>
      </left>
      <right/>
      <top style="thin">
        <color theme="0" tint="-0.14548173467207862"/>
      </top>
      <bottom style="thin">
        <color theme="0" tint="-0.14548173467207862"/>
      </bottom>
      <diagonal/>
    </border>
    <border>
      <left style="thin">
        <color theme="0" tint="-0.14535966063417463"/>
      </left>
      <right/>
      <top style="thin">
        <color theme="0" tint="-0.14548173467207862"/>
      </top>
      <bottom style="thin">
        <color theme="0" tint="-0.14548173467207862"/>
      </bottom>
      <diagonal/>
    </border>
    <border>
      <left/>
      <right style="thin">
        <color theme="0" tint="-0.1456343272194586"/>
      </right>
      <top style="thin">
        <color theme="0" tint="-0.14548173467207862"/>
      </top>
      <bottom style="thin">
        <color theme="0" tint="-0.14548173467207862"/>
      </bottom>
      <diagonal/>
    </border>
    <border>
      <left style="thin">
        <color theme="0" tint="-4.8097170934171575E-2"/>
      </left>
      <right style="thin">
        <color theme="0" tint="-0.14957121494186223"/>
      </right>
      <top style="thin">
        <color theme="0" tint="-4.9317911313211463E-2"/>
      </top>
      <bottom style="thin">
        <color theme="0" tint="-4.9317911313211463E-2"/>
      </bottom>
      <diagonal/>
    </border>
    <border>
      <left style="thin">
        <color theme="0" tint="-4.6967986083559676E-2"/>
      </left>
      <right/>
      <top style="thin">
        <color theme="0" tint="-4.8188726462599564E-2"/>
      </top>
      <bottom style="thin">
        <color theme="0" tint="-4.8188726462599564E-2"/>
      </bottom>
      <diagonal/>
    </border>
    <border>
      <left style="thin">
        <color theme="0" tint="-4.8097170934171575E-2"/>
      </left>
      <right style="thin">
        <color theme="0" tint="-0.14957121494186223"/>
      </right>
      <top style="thin">
        <color theme="0" tint="-0.14957121494186223"/>
      </top>
      <bottom style="thin">
        <color theme="0" tint="-0.14957121494186223"/>
      </bottom>
      <diagonal/>
    </border>
    <border>
      <left style="thin">
        <color theme="0" tint="-4.6967986083559676E-2"/>
      </left>
      <right/>
      <top style="thin">
        <color theme="0" tint="-0.14844203009125034"/>
      </top>
      <bottom style="thin">
        <color theme="0" tint="-0.14844203009125034"/>
      </bottom>
      <diagonal/>
    </border>
    <border>
      <left style="thin">
        <color theme="0" tint="-4.6967986083559676E-2"/>
      </left>
      <right style="thin">
        <color theme="0" tint="-0.14844203009125034"/>
      </right>
      <top style="thin">
        <color theme="0" tint="-4.8188726462599564E-2"/>
      </top>
      <bottom style="thin">
        <color theme="0" tint="-4.8188726462599564E-2"/>
      </bottom>
      <diagonal/>
    </border>
    <border>
      <left style="thin">
        <color theme="0" tint="-0.14844203009125034"/>
      </left>
      <right style="thin">
        <color theme="0" tint="-4.6967986083559676E-2"/>
      </right>
      <top style="thin">
        <color theme="0" tint="-4.8188726462599564E-2"/>
      </top>
      <bottom style="thin">
        <color theme="0" tint="-4.8188726462599564E-2"/>
      </bottom>
      <diagonal/>
    </border>
    <border>
      <left style="thin">
        <color theme="0" tint="-4.6967986083559676E-2"/>
      </left>
      <right style="thin">
        <color theme="0" tint="-0.14844203009125034"/>
      </right>
      <top style="thin">
        <color theme="0" tint="-0.14844203009125034"/>
      </top>
      <bottom style="thin">
        <color theme="0" tint="-0.14844203009125034"/>
      </bottom>
      <diagonal/>
    </border>
    <border>
      <left style="thin">
        <color theme="0" tint="-0.14844203009125034"/>
      </left>
      <right style="thin">
        <color theme="0" tint="-4.6967986083559676E-2"/>
      </right>
      <top style="thin">
        <color theme="0" tint="-0.14844203009125034"/>
      </top>
      <bottom style="thin">
        <color theme="0" tint="-0.14844203009125034"/>
      </bottom>
      <diagonal/>
    </border>
    <border>
      <left style="thin">
        <color theme="0" tint="-4.6967986083559676E-2"/>
      </left>
      <right style="thin">
        <color theme="0" tint="-0.14844203009125034"/>
      </right>
      <top style="thin">
        <color theme="0" tint="-4.8188726462599564E-2"/>
      </top>
      <bottom style="thin">
        <color theme="0" tint="-0.14844203009125034"/>
      </bottom>
      <diagonal/>
    </border>
    <border>
      <left style="thin">
        <color theme="0" tint="-4.6967986083559676E-2"/>
      </left>
      <right/>
      <top style="thin">
        <color theme="0" tint="-4.8188726462599564E-2"/>
      </top>
      <bottom style="thin">
        <color theme="0" tint="-0.14844203009125034"/>
      </bottom>
      <diagonal/>
    </border>
    <border>
      <left/>
      <right/>
      <top style="thin">
        <color theme="0" tint="-0.14767906735435041"/>
      </top>
      <bottom style="thin">
        <color theme="0" tint="-0.14767906735435041"/>
      </bottom>
      <diagonal/>
    </border>
    <border>
      <left/>
      <right style="thin">
        <color theme="0" tint="-0.1477706228827784"/>
      </right>
      <top style="thin">
        <color theme="0" tint="-0.1477706228827784"/>
      </top>
      <bottom style="thin">
        <color theme="0" tint="-0.1477706228827784"/>
      </bottom>
      <diagonal/>
    </border>
    <border>
      <left style="thin">
        <color theme="0" tint="-0.14767906735435041"/>
      </left>
      <right/>
      <top style="thin">
        <color theme="0" tint="-0.14767906735435041"/>
      </top>
      <bottom style="thin">
        <color theme="0" tint="-0.14767906735435041"/>
      </bottom>
      <diagonal/>
    </border>
    <border>
      <left/>
      <right style="thin">
        <color theme="0" tint="-0.14767906735435041"/>
      </right>
      <top style="thin">
        <color theme="0" tint="-0.14767906735435041"/>
      </top>
      <bottom style="thin">
        <color theme="0" tint="-0.14767906735435041"/>
      </bottom>
      <diagonal/>
    </border>
    <border>
      <left/>
      <right style="thin">
        <color theme="0" tint="-0.1477706228827784"/>
      </right>
      <top style="thin">
        <color theme="0" tint="-4.760887478255562E-2"/>
      </top>
      <bottom style="thin">
        <color theme="0" tint="-4.760887478255562E-2"/>
      </bottom>
      <diagonal/>
    </border>
    <border>
      <left style="thin">
        <color theme="0" tint="-0.14767906735435041"/>
      </left>
      <right/>
      <top style="thin">
        <color theme="0" tint="-4.7547837763603627E-2"/>
      </top>
      <bottom style="thin">
        <color theme="0" tint="-4.7547837763603627E-2"/>
      </bottom>
      <diagonal/>
    </border>
    <border>
      <left/>
      <right/>
      <top style="thin">
        <color theme="0" tint="-4.7517319254127631E-2"/>
      </top>
      <bottom style="thin">
        <color theme="0" tint="-0.14767906735435041"/>
      </bottom>
      <diagonal/>
    </border>
    <border>
      <left/>
      <right style="thin">
        <color theme="0" tint="-0.1477706228827784"/>
      </right>
      <top style="thin">
        <color theme="0" tint="-4.760887478255562E-2"/>
      </top>
      <bottom style="thin">
        <color theme="0" tint="-0.1477706228827784"/>
      </bottom>
      <diagonal/>
    </border>
    <border>
      <left style="thin">
        <color theme="0" tint="-0.14767906735435041"/>
      </left>
      <right/>
      <top style="thin">
        <color theme="0" tint="-4.7517319254127631E-2"/>
      </top>
      <bottom style="thin">
        <color theme="0" tint="-0.14767906735435041"/>
      </bottom>
      <diagonal/>
    </border>
    <border>
      <left/>
      <right style="thin">
        <color theme="0" tint="-0.14767906735435041"/>
      </right>
      <top style="thin">
        <color theme="0" tint="-4.7517319254127631E-2"/>
      </top>
      <bottom style="thin">
        <color theme="0" tint="-0.14767906735435041"/>
      </bottom>
      <diagonal/>
    </border>
    <border>
      <left style="thin">
        <color theme="0" tint="-0.14767906735435041"/>
      </left>
      <right/>
      <top style="thin">
        <color theme="0" tint="-4.7547837763603627E-2"/>
      </top>
      <bottom style="thin">
        <color theme="0" tint="-0.1477095858638264"/>
      </bottom>
      <diagonal/>
    </border>
    <border>
      <left/>
      <right/>
      <top style="thin">
        <color theme="0" tint="-4.7700430310983609E-2"/>
      </top>
      <bottom style="thin">
        <color theme="0" tint="-4.7700430310983609E-2"/>
      </bottom>
      <diagonal/>
    </border>
    <border>
      <left style="thin">
        <color theme="0" tint="-0.14786217841120639"/>
      </left>
      <right/>
      <top style="thin">
        <color theme="0" tint="-4.7700430310983609E-2"/>
      </top>
      <bottom style="thin">
        <color theme="0" tint="-4.7700430310983609E-2"/>
      </bottom>
      <diagonal/>
    </border>
    <border>
      <left/>
      <right style="thin">
        <color theme="0" tint="-0.14786217841120639"/>
      </right>
      <top style="thin">
        <color theme="0" tint="-4.7700430310983609E-2"/>
      </top>
      <bottom style="thin">
        <color theme="0" tint="-4.7700430310983609E-2"/>
      </bottom>
      <diagonal/>
    </border>
    <border>
      <left style="thin">
        <color theme="0" tint="-0.14786217841120639"/>
      </left>
      <right/>
      <top style="thin">
        <color theme="0" tint="-0.14789269692068238"/>
      </top>
      <bottom style="thin">
        <color theme="0" tint="-0.14789269692068238"/>
      </bottom>
      <diagonal/>
    </border>
    <border>
      <left/>
      <right style="thin">
        <color theme="0" tint="-0.14786217841120639"/>
      </right>
      <top style="thin">
        <color theme="0" tint="-0.14789269692068238"/>
      </top>
      <bottom style="thin">
        <color theme="0" tint="-0.14789269692068238"/>
      </bottom>
      <diagonal/>
    </border>
    <border>
      <left/>
      <right/>
      <top style="thin">
        <color theme="0" tint="-4.7700430310983609E-2"/>
      </top>
      <bottom style="thin">
        <color theme="0" tint="-0.14789269692068238"/>
      </bottom>
      <diagonal/>
    </border>
    <border>
      <left style="thin">
        <color theme="0" tint="-0.14786217841120639"/>
      </left>
      <right/>
      <top style="thin">
        <color theme="0" tint="-4.7700430310983609E-2"/>
      </top>
      <bottom style="thin">
        <color theme="0" tint="-0.14789269692068238"/>
      </bottom>
      <diagonal/>
    </border>
    <border>
      <left/>
      <right style="thin">
        <color theme="0" tint="-0.14786217841120639"/>
      </right>
      <top style="thin">
        <color theme="0" tint="-4.7700430310983609E-2"/>
      </top>
      <bottom style="thin">
        <color theme="0" tint="-0.14789269692068238"/>
      </bottom>
      <diagonal/>
    </border>
    <border>
      <left style="thin">
        <color theme="0" tint="-4.632709738456374E-2"/>
      </left>
      <right style="thin">
        <color theme="0" tint="-4.632709738456374E-2"/>
      </right>
      <top style="thin">
        <color theme="0" tint="-4.7578356273079624E-2"/>
      </top>
      <bottom style="thin">
        <color theme="0" tint="-4.7578356273079624E-2"/>
      </bottom>
      <diagonal/>
    </border>
    <border>
      <left style="thin">
        <color theme="0" tint="-4.6723838007751699E-2"/>
      </left>
      <right style="thin">
        <color theme="0" tint="-4.6723838007751699E-2"/>
      </right>
      <top style="thin">
        <color theme="0" tint="-4.797509689626759E-2"/>
      </top>
      <bottom style="thin">
        <color theme="0" tint="-4.797509689626759E-2"/>
      </bottom>
      <diagonal/>
    </border>
    <border>
      <left style="thin">
        <color theme="0" tint="-0.14780114139225439"/>
      </left>
      <right/>
      <top style="thin">
        <color theme="0" tint="-4.7578356273079624E-2"/>
      </top>
      <bottom style="thin">
        <color theme="0" tint="-4.7578356273079624E-2"/>
      </bottom>
      <diagonal/>
    </border>
    <border>
      <left/>
      <right style="thin">
        <color theme="0" tint="-0.14780114139225439"/>
      </right>
      <top style="thin">
        <color theme="0" tint="-4.7578356273079624E-2"/>
      </top>
      <bottom style="thin">
        <color theme="0" tint="-4.7578356273079624E-2"/>
      </bottom>
      <diagonal/>
    </border>
    <border>
      <left style="thin">
        <color theme="0" tint="-4.632709738456374E-2"/>
      </left>
      <right style="thin">
        <color theme="0" tint="-4.632709738456374E-2"/>
      </right>
      <top style="thin">
        <color theme="0" tint="-0.1477706228827784"/>
      </top>
      <bottom style="thin">
        <color theme="0" tint="-0.1477706228827784"/>
      </bottom>
      <diagonal/>
    </border>
    <border>
      <left style="thin">
        <color theme="0" tint="-4.6723838007751699E-2"/>
      </left>
      <right style="thin">
        <color theme="0" tint="-4.6723838007751699E-2"/>
      </right>
      <top style="thin">
        <color theme="0" tint="-0.14816736350596638"/>
      </top>
      <bottom style="thin">
        <color theme="0" tint="-0.14816736350596638"/>
      </bottom>
      <diagonal/>
    </border>
    <border>
      <left style="thin">
        <color theme="0" tint="-4.3916135135959961E-2"/>
      </left>
      <right style="thin">
        <color theme="0" tint="-0.14621417889950256"/>
      </right>
      <top style="thin">
        <color theme="0" tint="-0.14624469740897855"/>
      </top>
      <bottom/>
      <diagonal/>
    </border>
    <border>
      <left style="thin">
        <color theme="0" tint="-0.14603106784264658"/>
      </left>
      <right style="thin">
        <color theme="0" tint="-4.3733024079103976E-2"/>
      </right>
      <top style="thin">
        <color theme="0" tint="-4.3733024079103976E-2"/>
      </top>
      <bottom style="thin">
        <color theme="0" tint="-4.3733024079103976E-2"/>
      </bottom>
      <diagonal/>
    </border>
    <border>
      <left style="thin">
        <color theme="0" tint="-4.3733024079103976E-2"/>
      </left>
      <right style="thin">
        <color theme="0" tint="-4.3733024079103976E-2"/>
      </right>
      <top style="thin">
        <color theme="0" tint="-4.3733024079103976E-2"/>
      </top>
      <bottom style="thin">
        <color theme="0" tint="-4.3733024079103976E-2"/>
      </bottom>
      <diagonal/>
    </border>
    <border>
      <left style="thin">
        <color theme="0" tint="-4.3733024079103976E-2"/>
      </left>
      <right style="thin">
        <color theme="0" tint="-0.14603106784264658"/>
      </right>
      <top style="thin">
        <color theme="0" tint="-4.3733024079103976E-2"/>
      </top>
      <bottom style="thin">
        <color theme="0" tint="-4.3733024079103976E-2"/>
      </bottom>
      <diagonal/>
    </border>
    <border>
      <left style="thin">
        <color theme="0" tint="-0.14600054933317058"/>
      </left>
      <right style="thin">
        <color theme="0" tint="-4.3702505569627979E-2"/>
      </right>
      <top style="thin">
        <color theme="0" tint="-4.3702505569627979E-2"/>
      </top>
      <bottom style="thin">
        <color theme="0" tint="-4.3702505569627979E-2"/>
      </bottom>
      <diagonal/>
    </border>
    <border>
      <left style="thin">
        <color theme="0" tint="-4.3702505569627979E-2"/>
      </left>
      <right style="thin">
        <color theme="0" tint="-4.3702505569627979E-2"/>
      </right>
      <top style="thin">
        <color theme="0" tint="-4.3702505569627979E-2"/>
      </top>
      <bottom style="thin">
        <color theme="0" tint="-4.3702505569627979E-2"/>
      </bottom>
      <diagonal/>
    </border>
    <border>
      <left style="thin">
        <color theme="0" tint="-4.3702505569627979E-2"/>
      </left>
      <right style="thin">
        <color theme="0" tint="-0.14600054933317058"/>
      </right>
      <top style="thin">
        <color theme="0" tint="-4.3702505569627979E-2"/>
      </top>
      <bottom style="thin">
        <color theme="0" tint="-4.3702505569627979E-2"/>
      </bottom>
      <diagonal/>
    </border>
    <border>
      <left style="thin">
        <color theme="0" tint="-4.3702505569627979E-2"/>
      </left>
      <right/>
      <top style="thin">
        <color theme="0" tint="-4.3702505569627979E-2"/>
      </top>
      <bottom style="thin">
        <color theme="0" tint="-4.3702505569627979E-2"/>
      </bottom>
      <diagonal/>
    </border>
    <border>
      <left style="thin">
        <color theme="0" tint="-0.14600054933317058"/>
      </left>
      <right style="thin">
        <color theme="0" tint="-4.3702505569627979E-2"/>
      </right>
      <top style="thin">
        <color theme="0" tint="-0.14603106784264658"/>
      </top>
      <bottom style="thin">
        <color theme="0" tint="-0.14603106784264658"/>
      </bottom>
      <diagonal/>
    </border>
    <border>
      <left style="thin">
        <color theme="0" tint="-4.3702505569627979E-2"/>
      </left>
      <right style="thin">
        <color theme="0" tint="-4.3702505569627979E-2"/>
      </right>
      <top style="thin">
        <color theme="0" tint="-0.14603106784264658"/>
      </top>
      <bottom style="thin">
        <color theme="0" tint="-0.14603106784264658"/>
      </bottom>
      <diagonal/>
    </border>
    <border>
      <left style="thin">
        <color theme="0" tint="-4.3702505569627979E-2"/>
      </left>
      <right style="thin">
        <color theme="0" tint="-0.14600054933317058"/>
      </right>
      <top style="thin">
        <color theme="0" tint="-0.14603106784264658"/>
      </top>
      <bottom style="thin">
        <color theme="0" tint="-0.14603106784264658"/>
      </bottom>
      <diagonal/>
    </border>
    <border>
      <left style="thin">
        <color theme="0" tint="-4.3702505569627979E-2"/>
      </left>
      <right/>
      <top style="thin">
        <color theme="0" tint="-0.14603106784264658"/>
      </top>
      <bottom style="thin">
        <color theme="0" tint="-0.14603106784264658"/>
      </bottom>
      <diagonal/>
    </border>
    <border>
      <left style="thin">
        <color theme="0" tint="-0.14603106784264658"/>
      </left>
      <right style="thin">
        <color theme="0" tint="-4.3733024079103976E-2"/>
      </right>
      <top style="thin">
        <color theme="0" tint="-0.14606158635212257"/>
      </top>
      <bottom style="thin">
        <color theme="0" tint="-0.14606158635212257"/>
      </bottom>
      <diagonal/>
    </border>
    <border>
      <left style="thin">
        <color theme="0" tint="-4.3733024079103976E-2"/>
      </left>
      <right style="thin">
        <color theme="0" tint="-4.3733024079103976E-2"/>
      </right>
      <top style="thin">
        <color theme="0" tint="-0.14606158635212257"/>
      </top>
      <bottom style="thin">
        <color theme="0" tint="-0.14606158635212257"/>
      </bottom>
      <diagonal/>
    </border>
    <border>
      <left style="thin">
        <color theme="0" tint="-4.3733024079103976E-2"/>
      </left>
      <right style="thin">
        <color theme="0" tint="-0.14603106784264658"/>
      </right>
      <top style="thin">
        <color theme="0" tint="-0.14606158635212257"/>
      </top>
      <bottom style="thin">
        <color theme="0" tint="-0.14606158635212257"/>
      </bottom>
      <diagonal/>
    </border>
    <border>
      <left/>
      <right style="thin">
        <color theme="0" tint="-0.14627521591845455"/>
      </right>
      <top style="thin">
        <color theme="0" tint="-0.14627521591845455"/>
      </top>
      <bottom style="thin">
        <color theme="0" tint="-4.6082949308755762E-2"/>
      </bottom>
      <diagonal/>
    </border>
    <border>
      <left/>
      <right/>
      <top style="thin">
        <color theme="0" tint="-4.6082949308755762E-2"/>
      </top>
      <bottom style="thin">
        <color theme="0" tint="-4.6082949308755762E-2"/>
      </bottom>
      <diagonal/>
    </border>
    <border>
      <left style="thin">
        <color theme="0" tint="-0.14606158635212257"/>
      </left>
      <right/>
      <top style="thin">
        <color theme="0" tint="-4.6082949308755762E-2"/>
      </top>
      <bottom style="thin">
        <color theme="0" tint="-4.6082949308755762E-2"/>
      </bottom>
      <diagonal/>
    </border>
    <border>
      <left/>
      <right style="thin">
        <color theme="0" tint="-0.14603106784264658"/>
      </right>
      <top style="thin">
        <color theme="0" tint="-4.6082949308755762E-2"/>
      </top>
      <bottom style="thin">
        <color theme="0" tint="-4.6082949308755762E-2"/>
      </bottom>
      <diagonal/>
    </border>
    <border>
      <left style="thin">
        <color theme="0" tint="-0.14603106784264658"/>
      </left>
      <right/>
      <top style="thin">
        <color theme="0" tint="-4.6082949308755762E-2"/>
      </top>
      <bottom style="thin">
        <color theme="0" tint="-4.6082949308755762E-2"/>
      </bottom>
      <diagonal/>
    </border>
    <border>
      <left/>
      <right style="thin">
        <color theme="0" tint="-0.14606158635212257"/>
      </right>
      <top style="thin">
        <color theme="0" tint="-4.6082949308755762E-2"/>
      </top>
      <bottom style="thin">
        <color theme="0" tint="-4.6082949308755762E-2"/>
      </bottom>
      <diagonal/>
    </border>
    <border>
      <left/>
      <right/>
      <top style="thin">
        <color theme="0" tint="-4.6082949308755762E-2"/>
      </top>
      <bottom style="thin">
        <color theme="0" tint="-0.14606158635212257"/>
      </bottom>
      <diagonal/>
    </border>
    <border>
      <left style="thin">
        <color theme="0" tint="-0.14606158635212257"/>
      </left>
      <right/>
      <top style="thin">
        <color theme="0" tint="-4.6082949308755762E-2"/>
      </top>
      <bottom style="thin">
        <color theme="0" tint="-0.14606158635212257"/>
      </bottom>
      <diagonal/>
    </border>
    <border>
      <left/>
      <right style="thin">
        <color theme="0" tint="-0.14603106784264658"/>
      </right>
      <top style="thin">
        <color theme="0" tint="-4.6082949308755762E-2"/>
      </top>
      <bottom style="thin">
        <color theme="0" tint="-0.14606158635212257"/>
      </bottom>
      <diagonal/>
    </border>
    <border>
      <left style="thin">
        <color theme="0" tint="-0.14603106784264658"/>
      </left>
      <right/>
      <top style="thin">
        <color theme="0" tint="-4.6082949308755762E-2"/>
      </top>
      <bottom style="thin">
        <color theme="0" tint="-0.14606158635212257"/>
      </bottom>
      <diagonal/>
    </border>
    <border>
      <left/>
      <right style="thin">
        <color theme="0" tint="-0.14606158635212257"/>
      </right>
      <top style="thin">
        <color theme="0" tint="-4.6082949308755762E-2"/>
      </top>
      <bottom style="thin">
        <color theme="0" tint="-0.14606158635212257"/>
      </bottom>
      <diagonal/>
    </border>
    <border>
      <left/>
      <right/>
      <top style="thin">
        <color theme="0" tint="-0.14606158635212257"/>
      </top>
      <bottom style="thin">
        <color theme="0" tint="-0.14603106784264658"/>
      </bottom>
      <diagonal/>
    </border>
    <border>
      <left style="thin">
        <color theme="0" tint="-0.14606158635212257"/>
      </left>
      <right/>
      <top style="thin">
        <color theme="0" tint="-0.14606158635212257"/>
      </top>
      <bottom style="thin">
        <color theme="0" tint="-0.14603106784264658"/>
      </bottom>
      <diagonal/>
    </border>
    <border>
      <left/>
      <right style="thin">
        <color theme="0" tint="-0.14603106784264658"/>
      </right>
      <top style="thin">
        <color theme="0" tint="-0.14606158635212257"/>
      </top>
      <bottom style="thin">
        <color theme="0" tint="-0.14603106784264658"/>
      </bottom>
      <diagonal/>
    </border>
    <border>
      <left style="thin">
        <color theme="0" tint="-0.14603106784264658"/>
      </left>
      <right/>
      <top style="thin">
        <color theme="0" tint="-0.14606158635212257"/>
      </top>
      <bottom style="thin">
        <color theme="0" tint="-0.14603106784264658"/>
      </bottom>
      <diagonal/>
    </border>
    <border>
      <left/>
      <right style="thin">
        <color theme="0" tint="-0.14606158635212257"/>
      </right>
      <top style="thin">
        <color theme="0" tint="-0.14606158635212257"/>
      </top>
      <bottom style="thin">
        <color theme="0" tint="-0.14603106784264658"/>
      </bottom>
      <diagonal/>
    </border>
    <border>
      <left/>
      <right/>
      <top style="thin">
        <color theme="0" tint="-0.14606158635212257"/>
      </top>
      <bottom style="thin">
        <color theme="0" tint="-0.14606158635212257"/>
      </bottom>
      <diagonal/>
    </border>
    <border>
      <left style="thin">
        <color theme="0" tint="-0.14606158635212257"/>
      </left>
      <right/>
      <top style="thin">
        <color theme="0" tint="-0.14606158635212257"/>
      </top>
      <bottom style="thin">
        <color theme="0" tint="-0.14606158635212257"/>
      </bottom>
      <diagonal/>
    </border>
    <border>
      <left/>
      <right style="thin">
        <color theme="0" tint="-0.14603106784264658"/>
      </right>
      <top style="thin">
        <color theme="0" tint="-0.14606158635212257"/>
      </top>
      <bottom style="thin">
        <color theme="0" tint="-0.14606158635212257"/>
      </bottom>
      <diagonal/>
    </border>
    <border>
      <left style="thin">
        <color theme="0" tint="-0.14603106784264658"/>
      </left>
      <right/>
      <top style="thin">
        <color theme="0" tint="-0.14606158635212257"/>
      </top>
      <bottom style="thin">
        <color theme="0" tint="-0.14606158635212257"/>
      </bottom>
      <diagonal/>
    </border>
    <border>
      <left/>
      <right style="thin">
        <color theme="0" tint="-0.14606158635212257"/>
      </right>
      <top style="thin">
        <color theme="0" tint="-0.14606158635212257"/>
      </top>
      <bottom style="thin">
        <color theme="0" tint="-0.14606158635212257"/>
      </bottom>
      <diagonal/>
    </border>
    <border>
      <left style="thin">
        <color theme="0" tint="-0.14801477095858639"/>
      </left>
      <right/>
      <top style="thin">
        <color theme="0" tint="-4.5869319742423781E-2"/>
      </top>
      <bottom style="thin">
        <color theme="0" tint="-4.5869319742423781E-2"/>
      </bottom>
      <diagonal/>
    </border>
    <border>
      <left/>
      <right/>
      <top style="thin">
        <color theme="0" tint="-4.5869319742423781E-2"/>
      </top>
      <bottom style="thin">
        <color theme="0" tint="-4.5869319742423781E-2"/>
      </bottom>
      <diagonal/>
    </border>
    <border>
      <left/>
      <right style="thin">
        <color theme="0" tint="-0.14801477095858639"/>
      </right>
      <top style="thin">
        <color theme="0" tint="-4.5869319742423781E-2"/>
      </top>
      <bottom style="thin">
        <color theme="0" tint="-4.5869319742423781E-2"/>
      </bottom>
      <diagonal/>
    </border>
    <border>
      <left style="thin">
        <color theme="0" tint="-0.14801477095858639"/>
      </left>
      <right style="thin">
        <color theme="0" tint="-0.14801477095858639"/>
      </right>
      <top style="thin">
        <color theme="0" tint="-4.5869319742423781E-2"/>
      </top>
      <bottom style="thin">
        <color theme="0" tint="-4.5869319742423781E-2"/>
      </bottom>
      <diagonal/>
    </border>
    <border>
      <left style="thin">
        <color theme="0" tint="-0.14801477095858639"/>
      </left>
      <right/>
      <top style="thin">
        <color theme="0" tint="-0.14801477095858639"/>
      </top>
      <bottom style="thin">
        <color theme="0" tint="-0.14801477095858639"/>
      </bottom>
      <diagonal/>
    </border>
    <border>
      <left/>
      <right/>
      <top style="thin">
        <color theme="0" tint="-0.14801477095858639"/>
      </top>
      <bottom style="thin">
        <color theme="0" tint="-0.14801477095858639"/>
      </bottom>
      <diagonal/>
    </border>
    <border>
      <left/>
      <right style="thin">
        <color theme="0" tint="-0.14801477095858639"/>
      </right>
      <top style="thin">
        <color theme="0" tint="-0.14801477095858639"/>
      </top>
      <bottom style="thin">
        <color theme="0" tint="-0.14801477095858639"/>
      </bottom>
      <diagonal/>
    </border>
    <border>
      <left style="thin">
        <color theme="0" tint="-0.14801477095858639"/>
      </left>
      <right style="thin">
        <color theme="0" tint="-0.14801477095858639"/>
      </right>
      <top style="thin">
        <color theme="0" tint="-0.14801477095858639"/>
      </top>
      <bottom style="thin">
        <color theme="0" tint="-0.14801477095858639"/>
      </bottom>
      <diagonal/>
    </border>
    <border>
      <left style="thin">
        <color theme="0" tint="-0.14801477095858639"/>
      </left>
      <right/>
      <top style="thin">
        <color theme="0" tint="-4.5869319742423781E-2"/>
      </top>
      <bottom style="thin">
        <color theme="0" tint="-4.6510208441419724E-2"/>
      </bottom>
      <diagonal/>
    </border>
    <border>
      <left/>
      <right/>
      <top style="thin">
        <color theme="0" tint="-4.5869319742423781E-2"/>
      </top>
      <bottom style="thin">
        <color theme="0" tint="-4.6510208441419724E-2"/>
      </bottom>
      <diagonal/>
    </border>
    <border>
      <left/>
      <right style="thin">
        <color theme="0" tint="-0.14801477095858639"/>
      </right>
      <top style="thin">
        <color theme="0" tint="-4.5869319742423781E-2"/>
      </top>
      <bottom style="thin">
        <color theme="0" tint="-4.6510208441419724E-2"/>
      </bottom>
      <diagonal/>
    </border>
    <border>
      <left style="thin">
        <color theme="0" tint="-0.14801477095858639"/>
      </left>
      <right style="thin">
        <color theme="0" tint="-0.14801477095858639"/>
      </right>
      <top style="thin">
        <color theme="0" tint="-4.5869319742423781E-2"/>
      </top>
      <bottom style="thin">
        <color theme="0" tint="-4.6510208441419724E-2"/>
      </bottom>
      <diagonal/>
    </border>
    <border>
      <left style="thin">
        <color theme="0" tint="-0.14801477095858639"/>
      </left>
      <right/>
      <top style="thin">
        <color theme="0" tint="-4.5869319742423781E-2"/>
      </top>
      <bottom style="hair">
        <color auto="1"/>
      </bottom>
      <diagonal/>
    </border>
    <border>
      <left/>
      <right/>
      <top style="thin">
        <color theme="0" tint="-4.5869319742423781E-2"/>
      </top>
      <bottom style="hair">
        <color auto="1"/>
      </bottom>
      <diagonal/>
    </border>
    <border>
      <left/>
      <right style="thin">
        <color theme="0" tint="-0.14801477095858639"/>
      </right>
      <top style="thin">
        <color theme="0" tint="-4.5869319742423781E-2"/>
      </top>
      <bottom style="hair">
        <color auto="1"/>
      </bottom>
      <diagonal/>
    </border>
    <border>
      <left style="thin">
        <color theme="0" tint="-0.14801477095858639"/>
      </left>
      <right style="thin">
        <color theme="0" tint="-0.14801477095858639"/>
      </right>
      <top style="thin">
        <color theme="0" tint="-4.5869319742423781E-2"/>
      </top>
      <bottom style="hair">
        <color auto="1"/>
      </bottom>
      <diagonal/>
    </border>
    <border>
      <left style="thin">
        <color theme="0" tint="-0.14801477095858639"/>
      </left>
      <right/>
      <top style="thin">
        <color theme="0" tint="-4.5869319742423781E-2"/>
      </top>
      <bottom style="thin">
        <color theme="0" tint="-0.14801477095858639"/>
      </bottom>
      <diagonal/>
    </border>
    <border>
      <left/>
      <right/>
      <top style="thin">
        <color theme="0" tint="-4.5869319742423781E-2"/>
      </top>
      <bottom style="thin">
        <color theme="0" tint="-0.14801477095858639"/>
      </bottom>
      <diagonal/>
    </border>
    <border>
      <left/>
      <right style="thin">
        <color theme="0" tint="-0.14801477095858639"/>
      </right>
      <top style="thin">
        <color theme="0" tint="-4.5869319742423781E-2"/>
      </top>
      <bottom style="thin">
        <color theme="0" tint="-0.14801477095858639"/>
      </bottom>
      <diagonal/>
    </border>
    <border>
      <left style="thin">
        <color theme="0" tint="-0.14801477095858639"/>
      </left>
      <right style="thin">
        <color theme="0" tint="-0.14801477095858639"/>
      </right>
      <top style="thin">
        <color theme="0" tint="-4.5869319742423781E-2"/>
      </top>
      <bottom style="thin">
        <color theme="0" tint="-0.14801477095858639"/>
      </bottom>
      <diagonal/>
    </border>
    <border>
      <left/>
      <right style="thin">
        <color theme="0" tint="-0.1479842524491104"/>
      </right>
      <top style="thin">
        <color theme="0" tint="-4.7761467329935609E-2"/>
      </top>
      <bottom style="thin">
        <color theme="0" tint="-4.7761467329935609E-2"/>
      </bottom>
      <diagonal/>
    </border>
    <border>
      <left style="thin">
        <color theme="0" tint="-0.1479842524491104"/>
      </left>
      <right/>
      <top style="thin">
        <color theme="0" tint="-4.7761467329935609E-2"/>
      </top>
      <bottom style="thin">
        <color theme="0" tint="-4.7761467329935609E-2"/>
      </bottom>
      <diagonal/>
    </border>
    <border>
      <left style="thin">
        <color theme="0" tint="-0.1479537339396344"/>
      </left>
      <right/>
      <top style="thin">
        <color theme="0" tint="-4.7761467329935609E-2"/>
      </top>
      <bottom style="thin">
        <color theme="0" tint="-4.7761467329935609E-2"/>
      </bottom>
      <diagonal/>
    </border>
    <border>
      <left/>
      <right/>
      <top style="thin">
        <color theme="0" tint="-4.7730948820459612E-2"/>
      </top>
      <bottom style="thin">
        <color theme="0" tint="-4.7761467329935609E-2"/>
      </bottom>
      <diagonal/>
    </border>
    <border>
      <left/>
      <right style="thin">
        <color theme="0" tint="-0.1479842524491104"/>
      </right>
      <top style="thin">
        <color theme="0" tint="-4.7730948820459612E-2"/>
      </top>
      <bottom style="thin">
        <color theme="0" tint="-4.7761467329935609E-2"/>
      </bottom>
      <diagonal/>
    </border>
    <border>
      <left style="thin">
        <color theme="0" tint="-0.1479842524491104"/>
      </left>
      <right/>
      <top style="thin">
        <color theme="0" tint="-4.7730948820459612E-2"/>
      </top>
      <bottom style="thin">
        <color theme="0" tint="-4.7761467329935609E-2"/>
      </bottom>
      <diagonal/>
    </border>
    <border>
      <left style="thin">
        <color theme="0" tint="-0.1479537339396344"/>
      </left>
      <right/>
      <top style="thin">
        <color theme="0" tint="-4.7730948820459612E-2"/>
      </top>
      <bottom style="thin">
        <color theme="0" tint="-4.7761467329935609E-2"/>
      </bottom>
      <diagonal/>
    </border>
    <border>
      <left/>
      <right/>
      <top style="thin">
        <color theme="0" tint="-4.7761467329935609E-2"/>
      </top>
      <bottom style="thin">
        <color theme="0" tint="-0.1479842524491104"/>
      </bottom>
      <diagonal/>
    </border>
    <border>
      <left/>
      <right style="thin">
        <color theme="0" tint="-0.1479842524491104"/>
      </right>
      <top style="thin">
        <color theme="0" tint="-4.7761467329935609E-2"/>
      </top>
      <bottom style="thin">
        <color theme="0" tint="-0.1479842524491104"/>
      </bottom>
      <diagonal/>
    </border>
    <border>
      <left style="thin">
        <color theme="0" tint="-0.1479842524491104"/>
      </left>
      <right/>
      <top style="thin">
        <color theme="0" tint="-4.7761467329935609E-2"/>
      </top>
      <bottom style="thin">
        <color theme="0" tint="-0.1479842524491104"/>
      </bottom>
      <diagonal/>
    </border>
    <border>
      <left style="thin">
        <color theme="0" tint="-0.1479537339396344"/>
      </left>
      <right/>
      <top style="thin">
        <color theme="0" tint="-4.7761467329935609E-2"/>
      </top>
      <bottom style="thin">
        <color theme="0" tint="-0.1479842524491104"/>
      </bottom>
      <diagonal/>
    </border>
    <border>
      <left/>
      <right/>
      <top style="thin">
        <color theme="0" tint="-0.1479842524491104"/>
      </top>
      <bottom style="thin">
        <color theme="0" tint="-0.1479537339396344"/>
      </bottom>
      <diagonal/>
    </border>
    <border>
      <left/>
      <right style="thin">
        <color theme="0" tint="-0.1479842524491104"/>
      </right>
      <top style="thin">
        <color theme="0" tint="-0.1479842524491104"/>
      </top>
      <bottom style="thin">
        <color theme="0" tint="-0.1479537339396344"/>
      </bottom>
      <diagonal/>
    </border>
    <border>
      <left style="thin">
        <color theme="0" tint="-0.1479842524491104"/>
      </left>
      <right/>
      <top style="thin">
        <color theme="0" tint="-0.1479842524491104"/>
      </top>
      <bottom style="thin">
        <color theme="0" tint="-0.1479537339396344"/>
      </bottom>
      <diagonal/>
    </border>
    <border>
      <left style="thin">
        <color theme="0" tint="-0.1479537339396344"/>
      </left>
      <right/>
      <top style="thin">
        <color theme="0" tint="-0.1479842524491104"/>
      </top>
      <bottom style="thin">
        <color theme="0" tint="-0.1479537339396344"/>
      </bottom>
      <diagonal/>
    </border>
    <border>
      <left/>
      <right style="thin">
        <color theme="0" tint="-0.14752647480697043"/>
      </right>
      <top style="thin">
        <color theme="0" tint="-0.14752647480697043"/>
      </top>
      <bottom/>
      <diagonal/>
    </border>
    <border>
      <left/>
      <right/>
      <top style="thin">
        <color theme="0" tint="-0.14752647480697043"/>
      </top>
      <bottom/>
      <diagonal/>
    </border>
    <border>
      <left style="thin">
        <color theme="0" tint="-0.14752647480697043"/>
      </left>
      <right/>
      <top style="thin">
        <color theme="0" tint="-0.14752647480697043"/>
      </top>
      <bottom/>
      <diagonal/>
    </border>
    <border>
      <left/>
      <right style="thin">
        <color theme="0" tint="-0.14752647480697043"/>
      </right>
      <top/>
      <bottom style="thin">
        <color theme="0" tint="-0.14752647480697043"/>
      </bottom>
      <diagonal/>
    </border>
    <border>
      <left style="thin">
        <color theme="0" tint="-0.14752647480697043"/>
      </left>
      <right/>
      <top/>
      <bottom/>
      <diagonal/>
    </border>
    <border>
      <left style="thin">
        <color rgb="FFD9D9D9"/>
      </left>
      <right/>
      <top/>
      <bottom style="thin">
        <color theme="0" tint="-0.14752647480697043"/>
      </bottom>
      <diagonal/>
    </border>
    <border>
      <left/>
      <right style="thin">
        <color theme="0" tint="-0.14731284524063845"/>
      </right>
      <top style="thin">
        <color theme="0" tint="-0.14731284524063845"/>
      </top>
      <bottom style="thin">
        <color theme="0" tint="-4.7212134159367654E-2"/>
      </bottom>
      <diagonal/>
    </border>
    <border>
      <left style="thin">
        <color theme="0" tint="-0.14731284524063845"/>
      </left>
      <right/>
      <top style="thin">
        <color theme="0" tint="-0.14731284524063845"/>
      </top>
      <bottom style="thin">
        <color theme="0" tint="-4.7212134159367654E-2"/>
      </bottom>
      <diagonal/>
    </border>
    <border>
      <left/>
      <right/>
      <top style="thin">
        <color theme="0" tint="-0.14731284524063845"/>
      </top>
      <bottom style="thin">
        <color theme="0" tint="-4.7212134159367654E-2"/>
      </bottom>
      <diagonal/>
    </border>
    <border>
      <left style="thin">
        <color theme="0" tint="-0.14728232673116246"/>
      </left>
      <right/>
      <top style="thin">
        <color theme="0" tint="-0.14731284524063845"/>
      </top>
      <bottom style="thin">
        <color theme="0" tint="-4.7212134159367654E-2"/>
      </bottom>
      <diagonal/>
    </border>
    <border>
      <left/>
      <right/>
      <top style="thin">
        <color theme="0" tint="-0.14746543778801843"/>
      </top>
      <bottom style="thin">
        <color theme="0" tint="-4.7364726706747642E-2"/>
      </bottom>
      <diagonal/>
    </border>
    <border>
      <left/>
      <right style="thin">
        <color theme="0" tint="-0.14731284524063845"/>
      </right>
      <top style="thin">
        <color theme="0" tint="-4.7212134159367654E-2"/>
      </top>
      <bottom style="thin">
        <color theme="0" tint="-4.7212134159367654E-2"/>
      </bottom>
      <diagonal/>
    </border>
    <border>
      <left style="thin">
        <color theme="0" tint="-0.14731284524063845"/>
      </left>
      <right/>
      <top style="thin">
        <color theme="0" tint="-4.7212134159367654E-2"/>
      </top>
      <bottom style="thin">
        <color theme="0" tint="-4.7212134159367654E-2"/>
      </bottom>
      <diagonal/>
    </border>
    <border>
      <left style="thin">
        <color theme="0" tint="-0.14728232673116246"/>
      </left>
      <right/>
      <top style="thin">
        <color theme="0" tint="-4.7212134159367654E-2"/>
      </top>
      <bottom style="thin">
        <color theme="0" tint="-4.7212134159367654E-2"/>
      </bottom>
      <diagonal/>
    </border>
    <border>
      <left/>
      <right/>
      <top style="thin">
        <color theme="0" tint="-4.7364726706747642E-2"/>
      </top>
      <bottom style="thin">
        <color theme="0" tint="-4.7364726706747642E-2"/>
      </bottom>
      <diagonal/>
    </border>
    <border>
      <left style="thin">
        <color theme="0" tint="-0.14731284524063845"/>
      </left>
      <right/>
      <top style="thin">
        <color theme="0" tint="-4.7212134159367654E-2"/>
      </top>
      <bottom style="thin">
        <color theme="0" tint="-0.14731284524063845"/>
      </bottom>
      <diagonal/>
    </border>
    <border>
      <left/>
      <right/>
      <top style="thin">
        <color theme="0" tint="-4.7212134159367654E-2"/>
      </top>
      <bottom style="thin">
        <color theme="0" tint="-0.14731284524063845"/>
      </bottom>
      <diagonal/>
    </border>
    <border>
      <left style="thin">
        <color theme="0" tint="-0.14728232673116246"/>
      </left>
      <right/>
      <top style="thin">
        <color theme="0" tint="-4.7212134159367654E-2"/>
      </top>
      <bottom style="thin">
        <color theme="0" tint="-0.14731284524063845"/>
      </bottom>
      <diagonal/>
    </border>
    <border>
      <left/>
      <right/>
      <top style="thin">
        <color theme="0" tint="-4.7364726706747642E-2"/>
      </top>
      <bottom style="thin">
        <color theme="0" tint="-0.14746543778801843"/>
      </bottom>
      <diagonal/>
    </border>
    <border>
      <left/>
      <right style="thin">
        <color theme="0" tint="-0.14618366039002656"/>
      </right>
      <top style="thin">
        <color theme="0" tint="-4.5686208685567796E-2"/>
      </top>
      <bottom style="thin">
        <color theme="0" tint="-4.5686208685567796E-2"/>
      </bottom>
      <diagonal/>
    </border>
    <border>
      <left style="thin">
        <color theme="0" tint="-0.14618366039002656"/>
      </left>
      <right/>
      <top style="thin">
        <color theme="0" tint="-4.5686208685567796E-2"/>
      </top>
      <bottom style="thin">
        <color theme="0" tint="-4.5686208685567796E-2"/>
      </bottom>
      <diagonal/>
    </border>
    <border>
      <left/>
      <right style="thin">
        <color theme="0" tint="-0.14615314188055056"/>
      </right>
      <top style="thin">
        <color theme="0" tint="-4.5686208685567796E-2"/>
      </top>
      <bottom style="thin">
        <color theme="0" tint="-4.5686208685567796E-2"/>
      </bottom>
      <diagonal/>
    </border>
    <border>
      <left/>
      <right/>
      <top style="thin">
        <color theme="0" tint="-0.14618366039002656"/>
      </top>
      <bottom style="thin">
        <color theme="0" tint="-0.14618366039002656"/>
      </bottom>
      <diagonal/>
    </border>
    <border>
      <left/>
      <right style="thin">
        <color theme="0" tint="-0.14618366039002656"/>
      </right>
      <top style="thin">
        <color theme="0" tint="-0.14618366039002656"/>
      </top>
      <bottom style="thin">
        <color theme="0" tint="-0.14618366039002656"/>
      </bottom>
      <diagonal/>
    </border>
    <border>
      <left style="thin">
        <color theme="0" tint="-0.14618366039002656"/>
      </left>
      <right/>
      <top style="thin">
        <color theme="0" tint="-0.14618366039002656"/>
      </top>
      <bottom style="thin">
        <color theme="0" tint="-0.14618366039002656"/>
      </bottom>
      <diagonal/>
    </border>
    <border>
      <left/>
      <right style="thin">
        <color theme="0" tint="-0.14615314188055056"/>
      </right>
      <top style="thin">
        <color theme="0" tint="-0.14618366039002656"/>
      </top>
      <bottom style="thin">
        <color theme="0" tint="-0.14618366039002656"/>
      </bottom>
      <diagonal/>
    </border>
    <border>
      <left/>
      <right/>
      <top style="thin">
        <color theme="0" tint="-4.5686208685567796E-2"/>
      </top>
      <bottom style="thin">
        <color theme="0" tint="-0.14618366039002656"/>
      </bottom>
      <diagonal/>
    </border>
    <border>
      <left/>
      <right style="thin">
        <color theme="0" tint="-0.14618366039002656"/>
      </right>
      <top style="thin">
        <color theme="0" tint="-4.5686208685567796E-2"/>
      </top>
      <bottom style="thin">
        <color theme="0" tint="-0.14618366039002656"/>
      </bottom>
      <diagonal/>
    </border>
    <border>
      <left style="thin">
        <color theme="0" tint="-0.14618366039002656"/>
      </left>
      <right/>
      <top style="thin">
        <color theme="0" tint="-4.5686208685567796E-2"/>
      </top>
      <bottom style="thin">
        <color theme="0" tint="-0.14618366039002656"/>
      </bottom>
      <diagonal/>
    </border>
    <border>
      <left/>
      <right style="thin">
        <color theme="0" tint="-0.14615314188055056"/>
      </right>
      <top style="thin">
        <color theme="0" tint="-4.5686208685567796E-2"/>
      </top>
      <bottom style="thin">
        <color theme="0" tint="-0.14618366039002656"/>
      </bottom>
      <diagonal/>
    </border>
    <border>
      <left/>
      <right/>
      <top style="thin">
        <color theme="0" tint="-3.9948728904080327E-2"/>
      </top>
      <bottom style="thin">
        <color theme="0" tint="-3.9948728904080327E-2"/>
      </bottom>
      <diagonal/>
    </border>
    <border>
      <left/>
      <right style="thin">
        <color theme="0" tint="-0.14065981017487106"/>
      </right>
      <top style="thin">
        <color theme="0" tint="-3.9948728904080327E-2"/>
      </top>
      <bottom style="thin">
        <color theme="0" tint="-3.9948728904080327E-2"/>
      </bottom>
      <diagonal/>
    </border>
    <border>
      <left style="thin">
        <color theme="0" tint="-0.14065981017487106"/>
      </left>
      <right/>
      <top style="thin">
        <color theme="0" tint="-3.9948728904080327E-2"/>
      </top>
      <bottom style="thin">
        <color theme="0" tint="-3.9948728904080327E-2"/>
      </bottom>
      <diagonal/>
    </border>
    <border>
      <left/>
      <right/>
      <top style="thin">
        <color theme="0" tint="-0.14065981017487106"/>
      </top>
      <bottom style="thin">
        <color theme="0" tint="-0.14065981017487106"/>
      </bottom>
      <diagonal/>
    </border>
    <border>
      <left/>
      <right style="thin">
        <color theme="0" tint="-0.14065981017487106"/>
      </right>
      <top style="thin">
        <color theme="0" tint="-0.14065981017487106"/>
      </top>
      <bottom style="thin">
        <color theme="0" tint="-0.14065981017487106"/>
      </bottom>
      <diagonal/>
    </border>
    <border>
      <left style="thin">
        <color theme="0" tint="-0.14065981017487106"/>
      </left>
      <right/>
      <top style="thin">
        <color theme="0" tint="-0.14065981017487106"/>
      </top>
      <bottom style="thin">
        <color theme="0" tint="-0.14065981017487106"/>
      </bottom>
      <diagonal/>
    </border>
    <border>
      <left/>
      <right/>
      <top style="thin">
        <color theme="0" tint="-0.14065981017487106"/>
      </top>
      <bottom style="thin">
        <color theme="0" tint="-3.9948728904080327E-2"/>
      </bottom>
      <diagonal/>
    </border>
    <border>
      <left/>
      <right/>
      <top style="thin">
        <color theme="0" tint="-3.9948728904080327E-2"/>
      </top>
      <bottom style="thin">
        <color theme="0" tint="-0.14435254982146672"/>
      </bottom>
      <diagonal/>
    </border>
    <border>
      <left/>
      <right style="thin">
        <color theme="0" tint="-0.14065981017487106"/>
      </right>
      <top style="thin">
        <color theme="0" tint="-3.9948728904080327E-2"/>
      </top>
      <bottom style="thin">
        <color theme="0" tint="-0.14435254982146672"/>
      </bottom>
      <diagonal/>
    </border>
    <border>
      <left style="thin">
        <color theme="0" tint="-0.14065981017487106"/>
      </left>
      <right/>
      <top style="thin">
        <color theme="0" tint="-3.9948728904080327E-2"/>
      </top>
      <bottom style="thin">
        <color theme="0" tint="-0.14435254982146672"/>
      </bottom>
      <diagonal/>
    </border>
    <border>
      <left/>
      <right/>
      <top style="thin">
        <color theme="0" tint="-4.9501022370067448E-2"/>
      </top>
      <bottom style="thin">
        <color theme="0" tint="-4.9501022370067448E-2"/>
      </bottom>
      <diagonal/>
    </border>
    <border>
      <left/>
      <right style="thin">
        <color theme="0" tint="-0.14053773613696707"/>
      </right>
      <top style="thin">
        <color theme="0" tint="-4.9501022370067448E-2"/>
      </top>
      <bottom style="thin">
        <color theme="0" tint="-4.9501022370067448E-2"/>
      </bottom>
      <diagonal/>
    </border>
    <border>
      <left style="thin">
        <color theme="0" tint="-0.14053773613696707"/>
      </left>
      <right/>
      <top style="thin">
        <color theme="0" tint="-4.9501022370067448E-2"/>
      </top>
      <bottom style="thin">
        <color theme="0" tint="-4.9501022370067448E-2"/>
      </bottom>
      <diagonal/>
    </border>
    <border>
      <left/>
      <right style="thin">
        <color theme="0" tint="-0.14050721762749108"/>
      </right>
      <top style="thin">
        <color theme="0" tint="-4.9501022370067448E-2"/>
      </top>
      <bottom style="thin">
        <color theme="0" tint="-4.9501022370067448E-2"/>
      </bottom>
      <diagonal/>
    </border>
    <border>
      <left style="thin">
        <color theme="0" tint="-0.14044618060853908"/>
      </left>
      <right/>
      <top style="thin">
        <color theme="0" tint="-4.9501022370067448E-2"/>
      </top>
      <bottom style="thin">
        <color theme="0" tint="-4.9501022370067448E-2"/>
      </bottom>
      <diagonal/>
    </border>
    <border>
      <left/>
      <right/>
      <top style="thin">
        <color theme="0" tint="-0.14947965941343425"/>
      </top>
      <bottom style="thin">
        <color theme="0" tint="-0.14947965941343425"/>
      </bottom>
      <diagonal/>
    </border>
    <border>
      <left/>
      <right style="thin">
        <color theme="0" tint="-0.14053773613696707"/>
      </right>
      <top style="thin">
        <color theme="0" tint="-0.14947965941343425"/>
      </top>
      <bottom style="thin">
        <color theme="0" tint="-0.14947965941343425"/>
      </bottom>
      <diagonal/>
    </border>
    <border>
      <left style="thin">
        <color theme="0" tint="-0.14053773613696707"/>
      </left>
      <right/>
      <top style="thin">
        <color theme="0" tint="-0.14947965941343425"/>
      </top>
      <bottom style="thin">
        <color theme="0" tint="-0.14947965941343425"/>
      </bottom>
      <diagonal/>
    </border>
    <border>
      <left/>
      <right style="thin">
        <color theme="0" tint="-0.14050721762749108"/>
      </right>
      <top style="thin">
        <color theme="0" tint="-0.14947965941343425"/>
      </top>
      <bottom style="thin">
        <color theme="0" tint="-0.14947965941343425"/>
      </bottom>
      <diagonal/>
    </border>
    <border>
      <left style="thin">
        <color theme="0" tint="-0.14044618060853908"/>
      </left>
      <right/>
      <top style="thin">
        <color theme="0" tint="-0.14947965941343425"/>
      </top>
      <bottom style="thin">
        <color theme="0" tint="-0.14947965941343425"/>
      </bottom>
      <diagonal/>
    </border>
    <border>
      <left/>
      <right/>
      <top style="thin">
        <color theme="0" tint="-4.9501022370067448E-2"/>
      </top>
      <bottom style="thin">
        <color theme="0" tint="-0.14947965941343425"/>
      </bottom>
      <diagonal/>
    </border>
    <border>
      <left/>
      <right style="thin">
        <color theme="0" tint="-0.14053773613696707"/>
      </right>
      <top style="thin">
        <color theme="0" tint="-4.9501022370067448E-2"/>
      </top>
      <bottom style="thin">
        <color theme="0" tint="-0.14947965941343425"/>
      </bottom>
      <diagonal/>
    </border>
    <border>
      <left style="thin">
        <color theme="0" tint="-0.14053773613696707"/>
      </left>
      <right/>
      <top style="thin">
        <color theme="0" tint="-4.9501022370067448E-2"/>
      </top>
      <bottom style="thin">
        <color theme="0" tint="-0.14947965941343425"/>
      </bottom>
      <diagonal/>
    </border>
    <border>
      <left/>
      <right style="thin">
        <color theme="0" tint="-0.14050721762749108"/>
      </right>
      <top style="thin">
        <color theme="0" tint="-4.9501022370067448E-2"/>
      </top>
      <bottom style="thin">
        <color theme="0" tint="-0.14947965941343425"/>
      </bottom>
      <diagonal/>
    </border>
    <border>
      <left style="thin">
        <color theme="0" tint="-0.14044618060853908"/>
      </left>
      <right/>
      <top style="thin">
        <color theme="0" tint="-4.9501022370067448E-2"/>
      </top>
      <bottom style="thin">
        <color theme="0" tint="-0.14947965941343425"/>
      </bottom>
      <diagonal/>
    </border>
  </borders>
  <cellStyleXfs count="27">
    <xf numFmtId="0" fontId="0" fillId="0" borderId="0"/>
    <xf numFmtId="9" fontId="1" fillId="0" borderId="0" applyFont="0" applyFill="0" applyBorder="0" applyAlignment="0" applyProtection="0"/>
    <xf numFmtId="0" fontId="1" fillId="0" borderId="0"/>
    <xf numFmtId="0" fontId="13" fillId="0" borderId="0" applyNumberFormat="0" applyFill="0" applyBorder="0" applyAlignment="0" applyProtection="0"/>
    <xf numFmtId="0" fontId="37" fillId="0" borderId="0"/>
    <xf numFmtId="165" fontId="1" fillId="0" borderId="0" applyFont="0" applyFill="0" applyBorder="0" applyAlignment="0" applyProtection="0"/>
    <xf numFmtId="0" fontId="1" fillId="0" borderId="0"/>
    <xf numFmtId="0" fontId="49" fillId="0" borderId="0"/>
    <xf numFmtId="0" fontId="49" fillId="0" borderId="0"/>
    <xf numFmtId="165" fontId="49" fillId="0" borderId="0" applyFont="0" applyFill="0" applyBorder="0" applyAlignment="0" applyProtection="0"/>
    <xf numFmtId="0" fontId="1" fillId="0" borderId="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0" fontId="1" fillId="0" borderId="0"/>
    <xf numFmtId="165" fontId="60" fillId="0" borderId="0" applyFont="0" applyFill="0" applyBorder="0" applyAlignment="0" applyProtection="0"/>
    <xf numFmtId="0" fontId="61" fillId="0" borderId="0"/>
    <xf numFmtId="165" fontId="6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xf numFmtId="165" fontId="1" fillId="0" borderId="0" applyFont="0" applyFill="0" applyBorder="0" applyAlignment="0" applyProtection="0"/>
  </cellStyleXfs>
  <cellXfs count="3362">
    <xf numFmtId="0" fontId="0" fillId="0" borderId="0" xfId="0"/>
    <xf numFmtId="0" fontId="4" fillId="0" borderId="0" xfId="0" applyFont="1"/>
    <xf numFmtId="0" fontId="5" fillId="0" borderId="0" xfId="0" applyFont="1"/>
    <xf numFmtId="0" fontId="6" fillId="0" borderId="0" xfId="0" applyFont="1"/>
    <xf numFmtId="0" fontId="15" fillId="2" borderId="0" xfId="0" applyFont="1" applyFill="1" applyAlignment="1">
      <alignment vertical="center"/>
    </xf>
    <xf numFmtId="0" fontId="16" fillId="2" borderId="0" xfId="0" applyFont="1" applyFill="1" applyAlignment="1">
      <alignment horizontal="right" vertical="center"/>
    </xf>
    <xf numFmtId="0" fontId="17" fillId="0" borderId="0" xfId="0" applyFont="1" applyAlignment="1">
      <alignment vertical="center"/>
    </xf>
    <xf numFmtId="0" fontId="0" fillId="0" borderId="0" xfId="0" applyAlignment="1">
      <alignment horizontal="right" vertical="top"/>
    </xf>
    <xf numFmtId="0" fontId="17" fillId="0" borderId="0" xfId="0" applyFont="1" applyAlignment="1">
      <alignment vertical="top"/>
    </xf>
    <xf numFmtId="0" fontId="18" fillId="0" borderId="1" xfId="3" applyNumberFormat="1" applyFont="1" applyBorder="1" applyAlignment="1"/>
    <xf numFmtId="0" fontId="18" fillId="0" borderId="1" xfId="3" applyNumberFormat="1" applyFont="1" applyBorder="1" applyAlignment="1">
      <alignment horizontal="right"/>
    </xf>
    <xf numFmtId="0" fontId="18" fillId="0" borderId="1" xfId="3" applyNumberFormat="1" applyFont="1" applyBorder="1" applyAlignment="1">
      <alignment horizontal="left"/>
    </xf>
    <xf numFmtId="0" fontId="18" fillId="0" borderId="1" xfId="3" quotePrefix="1" applyNumberFormat="1" applyFont="1" applyBorder="1" applyAlignment="1">
      <alignment horizontal="right"/>
    </xf>
    <xf numFmtId="0" fontId="19" fillId="0" borderId="0" xfId="3" applyNumberFormat="1" applyFont="1" applyBorder="1" applyAlignment="1"/>
    <xf numFmtId="0" fontId="19" fillId="0" borderId="0" xfId="3" quotePrefix="1" applyNumberFormat="1" applyFont="1" applyBorder="1" applyAlignment="1">
      <alignment horizontal="right"/>
    </xf>
    <xf numFmtId="0" fontId="20" fillId="0" borderId="0" xfId="3" applyNumberFormat="1" applyFont="1" applyBorder="1" applyAlignment="1"/>
    <xf numFmtId="0" fontId="19" fillId="0" borderId="0" xfId="0" quotePrefix="1" applyFont="1" applyAlignment="1">
      <alignment horizontal="right"/>
    </xf>
    <xf numFmtId="0" fontId="18" fillId="0" borderId="2" xfId="3" applyNumberFormat="1" applyFont="1" applyBorder="1" applyAlignment="1">
      <alignment horizontal="left" indent="1"/>
    </xf>
    <xf numFmtId="0" fontId="18" fillId="0" borderId="2" xfId="3" quotePrefix="1" applyNumberFormat="1" applyFont="1" applyBorder="1" applyAlignment="1">
      <alignment horizontal="right"/>
    </xf>
    <xf numFmtId="0" fontId="18" fillId="0" borderId="1" xfId="3" applyNumberFormat="1" applyFont="1" applyBorder="1" applyAlignment="1">
      <alignment horizontal="left" indent="1"/>
    </xf>
    <xf numFmtId="0" fontId="20" fillId="0" borderId="1" xfId="3" applyNumberFormat="1" applyFont="1" applyBorder="1" applyAlignment="1"/>
    <xf numFmtId="0" fontId="19" fillId="0" borderId="1" xfId="3" quotePrefix="1" applyNumberFormat="1" applyFont="1" applyBorder="1" applyAlignment="1">
      <alignment horizontal="right"/>
    </xf>
    <xf numFmtId="0" fontId="22" fillId="0" borderId="0" xfId="3" applyNumberFormat="1" applyFont="1" applyBorder="1" applyAlignment="1"/>
    <xf numFmtId="0" fontId="22" fillId="0" borderId="0" xfId="3" quotePrefix="1" applyFont="1" applyBorder="1" applyAlignment="1">
      <alignment horizontal="right"/>
    </xf>
    <xf numFmtId="0" fontId="18" fillId="0" borderId="0" xfId="3" applyNumberFormat="1" applyFont="1" applyBorder="1" applyAlignment="1">
      <alignment vertical="center"/>
    </xf>
    <xf numFmtId="0" fontId="1" fillId="0" borderId="0" xfId="2"/>
    <xf numFmtId="0" fontId="31" fillId="0" borderId="3" xfId="2" applyFont="1" applyBorder="1" applyAlignment="1">
      <alignment vertical="center" wrapText="1"/>
    </xf>
    <xf numFmtId="0" fontId="32" fillId="0" borderId="3" xfId="2" applyFont="1" applyBorder="1" applyAlignment="1">
      <alignment vertical="center" wrapText="1"/>
    </xf>
    <xf numFmtId="166" fontId="3" fillId="0" borderId="4" xfId="2" applyNumberFormat="1" applyFont="1" applyBorder="1" applyAlignment="1">
      <alignment horizontal="right" vertical="center"/>
    </xf>
    <xf numFmtId="166" fontId="23" fillId="0" borderId="5" xfId="2" applyNumberFormat="1" applyFont="1" applyBorder="1" applyAlignment="1">
      <alignment horizontal="right" vertical="center"/>
    </xf>
    <xf numFmtId="166" fontId="23" fillId="0" borderId="6" xfId="2" applyNumberFormat="1" applyFont="1" applyBorder="1" applyAlignment="1">
      <alignment horizontal="right" vertical="center"/>
    </xf>
    <xf numFmtId="166" fontId="23" fillId="0" borderId="4" xfId="2" applyNumberFormat="1" applyFont="1" applyBorder="1" applyAlignment="1">
      <alignment horizontal="right" vertical="center"/>
    </xf>
    <xf numFmtId="166" fontId="23" fillId="0" borderId="3" xfId="2" applyNumberFormat="1" applyFont="1" applyBorder="1" applyAlignment="1">
      <alignment horizontal="right" vertical="center"/>
    </xf>
    <xf numFmtId="0" fontId="3" fillId="0" borderId="7" xfId="2" applyFont="1" applyBorder="1" applyAlignment="1">
      <alignment vertical="center"/>
    </xf>
    <xf numFmtId="164" fontId="23" fillId="0" borderId="8" xfId="2" applyNumberFormat="1" applyFont="1" applyBorder="1" applyAlignment="1">
      <alignment horizontal="right" vertical="center"/>
    </xf>
    <xf numFmtId="164" fontId="23" fillId="0" borderId="9" xfId="2" applyNumberFormat="1" applyFont="1" applyBorder="1" applyAlignment="1">
      <alignment horizontal="right" vertical="center"/>
    </xf>
    <xf numFmtId="164" fontId="23" fillId="0" borderId="10" xfId="2" applyNumberFormat="1" applyFont="1" applyBorder="1" applyAlignment="1">
      <alignment vertical="center"/>
    </xf>
    <xf numFmtId="164" fontId="23" fillId="0" borderId="8" xfId="2" applyNumberFormat="1" applyFont="1" applyBorder="1" applyAlignment="1">
      <alignment vertical="center"/>
    </xf>
    <xf numFmtId="164" fontId="23" fillId="0" borderId="7" xfId="2" applyNumberFormat="1" applyFont="1" applyBorder="1" applyAlignment="1">
      <alignment vertical="center"/>
    </xf>
    <xf numFmtId="0" fontId="3" fillId="0" borderId="11" xfId="2" applyFont="1" applyBorder="1" applyAlignment="1">
      <alignment horizontal="left" vertical="center" indent="1"/>
    </xf>
    <xf numFmtId="0" fontId="23" fillId="0" borderId="11" xfId="2" applyFont="1" applyBorder="1" applyAlignment="1">
      <alignment horizontal="left" vertical="center" indent="2"/>
    </xf>
    <xf numFmtId="0" fontId="3" fillId="0" borderId="11" xfId="2" applyFont="1" applyBorder="1" applyAlignment="1">
      <alignment vertical="center"/>
    </xf>
    <xf numFmtId="0" fontId="3" fillId="0" borderId="12" xfId="2" applyFont="1" applyBorder="1" applyAlignment="1">
      <alignment horizontal="left" vertical="center" indent="1"/>
    </xf>
    <xf numFmtId="0" fontId="3" fillId="0" borderId="3" xfId="2" applyFont="1" applyBorder="1" applyAlignment="1">
      <alignment vertical="center"/>
    </xf>
    <xf numFmtId="0" fontId="33" fillId="0" borderId="13" xfId="2" applyFont="1" applyBorder="1" applyAlignment="1">
      <alignment vertical="center"/>
    </xf>
    <xf numFmtId="164" fontId="34" fillId="0" borderId="13" xfId="2" applyNumberFormat="1" applyFont="1" applyBorder="1" applyAlignment="1">
      <alignment vertical="center"/>
    </xf>
    <xf numFmtId="0" fontId="23" fillId="0" borderId="14" xfId="2" applyFont="1" applyBorder="1" applyAlignment="1">
      <alignment vertical="center"/>
    </xf>
    <xf numFmtId="0" fontId="31" fillId="0" borderId="14" xfId="4" applyFont="1" applyBorder="1" applyAlignment="1">
      <alignment horizontal="left" vertical="center" wrapText="1"/>
    </xf>
    <xf numFmtId="167" fontId="28" fillId="3" borderId="15" xfId="4" applyNumberFormat="1" applyFont="1" applyFill="1" applyBorder="1" applyAlignment="1">
      <alignment horizontal="right" vertical="center" wrapText="1"/>
    </xf>
    <xf numFmtId="167" fontId="30" fillId="0" borderId="15" xfId="4" applyNumberFormat="1" applyFont="1" applyBorder="1" applyAlignment="1">
      <alignment horizontal="right" vertical="center" wrapText="1"/>
    </xf>
    <xf numFmtId="167" fontId="30" fillId="0" borderId="16" xfId="4" applyNumberFormat="1" applyFont="1" applyBorder="1" applyAlignment="1">
      <alignment horizontal="right" vertical="center" wrapText="1"/>
    </xf>
    <xf numFmtId="0" fontId="32" fillId="0" borderId="14" xfId="4" applyFont="1" applyBorder="1" applyAlignment="1">
      <alignment horizontal="left" vertical="center" wrapText="1"/>
    </xf>
    <xf numFmtId="164" fontId="3" fillId="3" borderId="17" xfId="2" applyNumberFormat="1" applyFont="1" applyFill="1" applyBorder="1" applyAlignment="1">
      <alignment vertical="center"/>
    </xf>
    <xf numFmtId="164" fontId="38" fillId="0" borderId="15" xfId="4" applyNumberFormat="1" applyFont="1" applyBorder="1" applyAlignment="1">
      <alignment horizontal="right" vertical="center" wrapText="1"/>
    </xf>
    <xf numFmtId="164" fontId="30" fillId="0" borderId="16" xfId="4" applyNumberFormat="1" applyFont="1" applyBorder="1" applyAlignment="1">
      <alignment horizontal="right" vertical="center" wrapText="1"/>
    </xf>
    <xf numFmtId="0" fontId="39" fillId="0" borderId="18" xfId="4" applyFont="1" applyBorder="1" applyAlignment="1">
      <alignment horizontal="left" vertical="center" wrapText="1"/>
    </xf>
    <xf numFmtId="168" fontId="23" fillId="0" borderId="19" xfId="5" applyNumberFormat="1" applyFont="1" applyBorder="1" applyAlignment="1">
      <alignment vertical="center"/>
    </xf>
    <xf numFmtId="0" fontId="30" fillId="0" borderId="20" xfId="4" applyFont="1" applyBorder="1" applyAlignment="1">
      <alignment horizontal="left" vertical="center" wrapText="1"/>
    </xf>
    <xf numFmtId="168" fontId="23" fillId="0" borderId="21" xfId="5" applyNumberFormat="1" applyFont="1" applyBorder="1" applyAlignment="1">
      <alignment vertical="center"/>
    </xf>
    <xf numFmtId="0" fontId="40" fillId="0" borderId="20" xfId="4" applyFont="1" applyBorder="1" applyAlignment="1">
      <alignment horizontal="left" vertical="center" wrapText="1"/>
    </xf>
    <xf numFmtId="0" fontId="39" fillId="0" borderId="20" xfId="4" applyFont="1" applyBorder="1" applyAlignment="1">
      <alignment horizontal="left" vertical="center" wrapText="1"/>
    </xf>
    <xf numFmtId="0" fontId="38" fillId="0" borderId="20" xfId="4" applyFont="1" applyBorder="1" applyAlignment="1">
      <alignment horizontal="left" vertical="center" wrapText="1"/>
    </xf>
    <xf numFmtId="169" fontId="23" fillId="0" borderId="21" xfId="2" applyNumberFormat="1" applyFont="1" applyBorder="1" applyAlignment="1">
      <alignment vertical="center"/>
    </xf>
    <xf numFmtId="169" fontId="23" fillId="0" borderId="23" xfId="2" applyNumberFormat="1" applyFont="1" applyBorder="1" applyAlignment="1">
      <alignment vertical="center"/>
    </xf>
    <xf numFmtId="0" fontId="38" fillId="0" borderId="25" xfId="4" applyFont="1" applyBorder="1" applyAlignment="1">
      <alignment horizontal="left" vertical="center" wrapText="1"/>
    </xf>
    <xf numFmtId="164" fontId="23" fillId="0" borderId="26" xfId="2" applyNumberFormat="1" applyFont="1" applyBorder="1" applyAlignment="1">
      <alignment vertical="center"/>
    </xf>
    <xf numFmtId="164" fontId="23" fillId="0" borderId="27" xfId="2" applyNumberFormat="1" applyFont="1" applyBorder="1" applyAlignment="1">
      <alignment vertical="center"/>
    </xf>
    <xf numFmtId="164" fontId="23" fillId="0" borderId="15" xfId="2" applyNumberFormat="1" applyFont="1" applyBorder="1" applyAlignment="1">
      <alignment vertical="center" wrapText="1"/>
    </xf>
    <xf numFmtId="164" fontId="23" fillId="0" borderId="16" xfId="2" applyNumberFormat="1" applyFont="1" applyBorder="1" applyAlignment="1">
      <alignment vertical="center" wrapText="1"/>
    </xf>
    <xf numFmtId="0" fontId="39" fillId="0" borderId="20" xfId="4" applyFont="1" applyBorder="1" applyAlignment="1">
      <alignment horizontal="left" vertical="center" wrapText="1" indent="1"/>
    </xf>
    <xf numFmtId="0" fontId="28" fillId="0" borderId="25" xfId="4" applyFont="1" applyBorder="1" applyAlignment="1">
      <alignment horizontal="left" vertical="center" wrapText="1"/>
    </xf>
    <xf numFmtId="168" fontId="23" fillId="0" borderId="26" xfId="2" applyNumberFormat="1" applyFont="1" applyBorder="1" applyAlignment="1">
      <alignment vertical="center"/>
    </xf>
    <xf numFmtId="168" fontId="23" fillId="0" borderId="27" xfId="2" applyNumberFormat="1" applyFont="1" applyBorder="1" applyAlignment="1">
      <alignment vertical="center"/>
    </xf>
    <xf numFmtId="168" fontId="23" fillId="0" borderId="19" xfId="2" applyNumberFormat="1" applyFont="1" applyBorder="1" applyAlignment="1">
      <alignment vertical="center"/>
    </xf>
    <xf numFmtId="168" fontId="23" fillId="0" borderId="28" xfId="2" applyNumberFormat="1" applyFont="1" applyBorder="1" applyAlignment="1">
      <alignment vertical="center" wrapText="1"/>
    </xf>
    <xf numFmtId="168" fontId="23" fillId="0" borderId="21" xfId="5" applyNumberFormat="1" applyFont="1" applyFill="1" applyBorder="1" applyAlignment="1">
      <alignment vertical="center"/>
    </xf>
    <xf numFmtId="0" fontId="40" fillId="0" borderId="25" xfId="4" applyFont="1" applyBorder="1" applyAlignment="1">
      <alignment horizontal="left" vertical="center" wrapText="1"/>
    </xf>
    <xf numFmtId="0" fontId="40" fillId="0" borderId="13" xfId="4" applyFont="1" applyBorder="1" applyAlignment="1">
      <alignment horizontal="left" vertical="center" wrapText="1"/>
    </xf>
    <xf numFmtId="169" fontId="3" fillId="0" borderId="13" xfId="2" applyNumberFormat="1" applyFont="1" applyBorder="1" applyAlignment="1">
      <alignment vertical="center"/>
    </xf>
    <xf numFmtId="169" fontId="23" fillId="0" borderId="13" xfId="2" applyNumberFormat="1" applyFont="1" applyBorder="1" applyAlignment="1">
      <alignment vertical="center"/>
    </xf>
    <xf numFmtId="0" fontId="42" fillId="4" borderId="29" xfId="2" applyFont="1" applyFill="1" applyBorder="1" applyAlignment="1">
      <alignment vertical="top"/>
    </xf>
    <xf numFmtId="0" fontId="42" fillId="4" borderId="30" xfId="2" applyFont="1" applyFill="1" applyBorder="1" applyAlignment="1">
      <alignment horizontal="center" vertical="top"/>
    </xf>
    <xf numFmtId="49" fontId="42" fillId="4" borderId="31" xfId="5" applyNumberFormat="1" applyFont="1" applyFill="1" applyBorder="1" applyAlignment="1">
      <alignment vertical="top" wrapText="1"/>
    </xf>
    <xf numFmtId="0" fontId="42" fillId="4" borderId="32" xfId="2" applyFont="1" applyFill="1" applyBorder="1" applyAlignment="1">
      <alignment horizontal="center" vertical="top" wrapText="1"/>
    </xf>
    <xf numFmtId="0" fontId="42" fillId="4" borderId="33" xfId="2" applyFont="1" applyFill="1" applyBorder="1" applyAlignment="1">
      <alignment horizontal="center" vertical="top" wrapText="1"/>
    </xf>
    <xf numFmtId="0" fontId="42" fillId="4" borderId="32" xfId="2" applyFont="1" applyFill="1" applyBorder="1" applyAlignment="1">
      <alignment horizontal="center" vertical="top"/>
    </xf>
    <xf numFmtId="0" fontId="42" fillId="4" borderId="34" xfId="2" applyFont="1" applyFill="1" applyBorder="1" applyAlignment="1">
      <alignment horizontal="center" vertical="top" wrapText="1"/>
    </xf>
    <xf numFmtId="0" fontId="36" fillId="4" borderId="35" xfId="2" applyFont="1" applyFill="1" applyBorder="1" applyAlignment="1">
      <alignment vertical="center"/>
    </xf>
    <xf numFmtId="0" fontId="36" fillId="4" borderId="36" xfId="2" applyFont="1" applyFill="1" applyBorder="1" applyAlignment="1">
      <alignment horizontal="center" vertical="center"/>
    </xf>
    <xf numFmtId="49" fontId="36" fillId="4" borderId="37" xfId="5" applyNumberFormat="1" applyFont="1" applyFill="1" applyBorder="1" applyAlignment="1">
      <alignment vertical="center" wrapText="1"/>
    </xf>
    <xf numFmtId="0" fontId="35" fillId="4" borderId="38" xfId="2" applyFont="1" applyFill="1" applyBorder="1" applyAlignment="1">
      <alignment horizontal="right" vertical="center"/>
    </xf>
    <xf numFmtId="0" fontId="35" fillId="4" borderId="39" xfId="2" applyFont="1" applyFill="1" applyBorder="1" applyAlignment="1">
      <alignment horizontal="right" vertical="center"/>
    </xf>
    <xf numFmtId="0" fontId="36" fillId="4" borderId="40" xfId="2" applyFont="1" applyFill="1" applyBorder="1" applyAlignment="1">
      <alignment vertical="center"/>
    </xf>
    <xf numFmtId="0" fontId="36" fillId="4" borderId="41" xfId="2" applyFont="1" applyFill="1" applyBorder="1" applyAlignment="1">
      <alignment horizontal="center" vertical="center"/>
    </xf>
    <xf numFmtId="49" fontId="36" fillId="4" borderId="42" xfId="5" applyNumberFormat="1" applyFont="1" applyFill="1" applyBorder="1" applyAlignment="1">
      <alignment vertical="center" wrapText="1"/>
    </xf>
    <xf numFmtId="0" fontId="35" fillId="4" borderId="43" xfId="2" applyFont="1" applyFill="1" applyBorder="1" applyAlignment="1">
      <alignment horizontal="right" vertical="center"/>
    </xf>
    <xf numFmtId="0" fontId="35" fillId="4" borderId="44" xfId="2" applyFont="1" applyFill="1" applyBorder="1" applyAlignment="1">
      <alignment horizontal="right" vertical="center"/>
    </xf>
    <xf numFmtId="0" fontId="36" fillId="4" borderId="45" xfId="2" applyFont="1" applyFill="1" applyBorder="1" applyAlignment="1">
      <alignment vertical="center"/>
    </xf>
    <xf numFmtId="0" fontId="36" fillId="4" borderId="46" xfId="2" applyFont="1" applyFill="1" applyBorder="1" applyAlignment="1">
      <alignment horizontal="center" vertical="center"/>
    </xf>
    <xf numFmtId="49" fontId="36" fillId="4" borderId="47" xfId="5" applyNumberFormat="1" applyFont="1" applyFill="1" applyBorder="1" applyAlignment="1">
      <alignment vertical="center" wrapText="1"/>
    </xf>
    <xf numFmtId="0" fontId="35" fillId="4" borderId="48" xfId="2" applyFont="1" applyFill="1" applyBorder="1" applyAlignment="1">
      <alignment horizontal="right" vertical="center" wrapText="1"/>
    </xf>
    <xf numFmtId="0" fontId="35" fillId="4" borderId="49" xfId="2" applyFont="1" applyFill="1" applyBorder="1" applyAlignment="1">
      <alignment horizontal="right" vertical="center" wrapText="1"/>
    </xf>
    <xf numFmtId="0" fontId="36" fillId="4" borderId="50" xfId="2" applyFont="1" applyFill="1" applyBorder="1" applyAlignment="1">
      <alignment vertical="center"/>
    </xf>
    <xf numFmtId="0" fontId="35" fillId="4" borderId="48" xfId="2" applyFont="1" applyFill="1" applyBorder="1" applyAlignment="1">
      <alignment horizontal="right" vertical="center"/>
    </xf>
    <xf numFmtId="0" fontId="35" fillId="4" borderId="49" xfId="2" applyFont="1" applyFill="1" applyBorder="1" applyAlignment="1">
      <alignment horizontal="right" vertical="center"/>
    </xf>
    <xf numFmtId="0" fontId="35" fillId="4" borderId="51" xfId="2" applyFont="1" applyFill="1" applyBorder="1" applyAlignment="1">
      <alignment horizontal="right" vertical="center"/>
    </xf>
    <xf numFmtId="0" fontId="35" fillId="4" borderId="53" xfId="2" applyFont="1" applyFill="1" applyBorder="1" applyAlignment="1">
      <alignment horizontal="right" vertical="center"/>
    </xf>
    <xf numFmtId="0" fontId="35" fillId="4" borderId="54" xfId="2" applyFont="1" applyFill="1" applyBorder="1" applyAlignment="1">
      <alignment horizontal="right" vertical="center"/>
    </xf>
    <xf numFmtId="0" fontId="36" fillId="4" borderId="55" xfId="2" applyFont="1" applyFill="1" applyBorder="1" applyAlignment="1">
      <alignment vertical="center" wrapText="1"/>
    </xf>
    <xf numFmtId="0" fontId="35" fillId="4" borderId="54" xfId="2" applyFont="1" applyFill="1" applyBorder="1" applyAlignment="1">
      <alignment horizontal="right" vertical="center" wrapText="1"/>
    </xf>
    <xf numFmtId="0" fontId="36" fillId="4" borderId="50" xfId="2" applyFont="1" applyFill="1" applyBorder="1" applyAlignment="1">
      <alignment vertical="center" wrapText="1"/>
    </xf>
    <xf numFmtId="0" fontId="35" fillId="4" borderId="56" xfId="2" applyFont="1" applyFill="1" applyBorder="1" applyAlignment="1">
      <alignment horizontal="right" vertical="center"/>
    </xf>
    <xf numFmtId="0" fontId="35" fillId="4" borderId="57" xfId="2" applyFont="1" applyFill="1" applyBorder="1" applyAlignment="1">
      <alignment horizontal="right" vertical="center"/>
    </xf>
    <xf numFmtId="0" fontId="36" fillId="4" borderId="58" xfId="2" applyFont="1" applyFill="1" applyBorder="1" applyAlignment="1">
      <alignment vertical="center"/>
    </xf>
    <xf numFmtId="0" fontId="36" fillId="4" borderId="58" xfId="2" applyFont="1" applyFill="1" applyBorder="1" applyAlignment="1">
      <alignment vertical="center" wrapText="1"/>
    </xf>
    <xf numFmtId="0" fontId="43" fillId="5" borderId="59" xfId="2" applyFont="1" applyFill="1" applyBorder="1" applyAlignment="1">
      <alignment vertical="center" wrapText="1"/>
    </xf>
    <xf numFmtId="0" fontId="17" fillId="0" borderId="59" xfId="2" applyFont="1" applyBorder="1" applyAlignment="1">
      <alignment horizontal="left" vertical="center" wrapText="1"/>
    </xf>
    <xf numFmtId="0" fontId="43" fillId="0" borderId="60" xfId="2" applyFont="1" applyBorder="1" applyAlignment="1">
      <alignment horizontal="right" vertical="center"/>
    </xf>
    <xf numFmtId="0" fontId="6" fillId="0" borderId="61" xfId="2" applyFont="1" applyBorder="1" applyAlignment="1">
      <alignment horizontal="right" vertical="center"/>
    </xf>
    <xf numFmtId="0" fontId="6" fillId="0" borderId="62" xfId="2" applyFont="1" applyBorder="1" applyAlignment="1">
      <alignment horizontal="right" vertical="center"/>
    </xf>
    <xf numFmtId="0" fontId="6" fillId="0" borderId="60" xfId="2" applyFont="1" applyBorder="1" applyAlignment="1">
      <alignment horizontal="right" vertical="center"/>
    </xf>
    <xf numFmtId="170" fontId="6" fillId="0" borderId="62" xfId="2" applyNumberFormat="1" applyFont="1" applyBorder="1" applyAlignment="1">
      <alignment vertical="center"/>
    </xf>
    <xf numFmtId="170" fontId="6" fillId="0" borderId="59" xfId="2" applyNumberFormat="1" applyFont="1" applyBorder="1" applyAlignment="1">
      <alignment vertical="center"/>
    </xf>
    <xf numFmtId="170" fontId="6" fillId="0" borderId="60" xfId="2" applyNumberFormat="1" applyFont="1" applyBorder="1" applyAlignment="1">
      <alignment vertical="center"/>
    </xf>
    <xf numFmtId="0" fontId="43" fillId="0" borderId="63" xfId="2" applyFont="1" applyBorder="1" applyAlignment="1">
      <alignment horizontal="left" vertical="center" wrapText="1" indent="1"/>
    </xf>
    <xf numFmtId="170" fontId="43" fillId="0" borderId="64" xfId="2" applyNumberFormat="1" applyFont="1" applyBorder="1" applyAlignment="1">
      <alignment vertical="center"/>
    </xf>
    <xf numFmtId="170" fontId="6" fillId="0" borderId="65" xfId="2" applyNumberFormat="1" applyFont="1" applyBorder="1" applyAlignment="1">
      <alignment vertical="center"/>
    </xf>
    <xf numFmtId="170" fontId="43" fillId="0" borderId="66" xfId="2" applyNumberFormat="1" applyFont="1" applyBorder="1" applyAlignment="1">
      <alignment vertical="center"/>
    </xf>
    <xf numFmtId="170" fontId="43" fillId="0" borderId="65" xfId="2" applyNumberFormat="1" applyFont="1" applyBorder="1" applyAlignment="1">
      <alignment vertical="center"/>
    </xf>
    <xf numFmtId="170" fontId="43" fillId="0" borderId="66" xfId="2" applyNumberFormat="1" applyFont="1" applyBorder="1" applyAlignment="1">
      <alignment horizontal="right" vertical="center"/>
    </xf>
    <xf numFmtId="170" fontId="43" fillId="0" borderId="63" xfId="2" applyNumberFormat="1" applyFont="1" applyBorder="1" applyAlignment="1">
      <alignment horizontal="right" vertical="center"/>
    </xf>
    <xf numFmtId="0" fontId="6" fillId="0" borderId="67" xfId="2" applyFont="1" applyBorder="1" applyAlignment="1">
      <alignment horizontal="left" vertical="center" indent="2"/>
    </xf>
    <xf numFmtId="0" fontId="43" fillId="0" borderId="67" xfId="2" applyFont="1" applyBorder="1" applyAlignment="1">
      <alignment horizontal="left" vertical="center" indent="1"/>
    </xf>
    <xf numFmtId="0" fontId="6" fillId="0" borderId="63" xfId="2" applyFont="1" applyBorder="1" applyAlignment="1">
      <alignment horizontal="left" vertical="center" indent="1"/>
    </xf>
    <xf numFmtId="0" fontId="6" fillId="0" borderId="67" xfId="2" applyFont="1" applyBorder="1" applyAlignment="1">
      <alignment horizontal="left" vertical="center" indent="1"/>
    </xf>
    <xf numFmtId="0" fontId="6" fillId="0" borderId="69" xfId="2" applyFont="1" applyBorder="1" applyAlignment="1">
      <alignment horizontal="left" vertical="center" indent="1"/>
    </xf>
    <xf numFmtId="169" fontId="6" fillId="0" borderId="75" xfId="2" applyNumberFormat="1" applyFont="1" applyBorder="1" applyAlignment="1">
      <alignment horizontal="right" vertical="center"/>
    </xf>
    <xf numFmtId="0" fontId="6" fillId="0" borderId="76" xfId="2" applyFont="1" applyBorder="1" applyAlignment="1">
      <alignment horizontal="left" vertical="center" indent="1"/>
    </xf>
    <xf numFmtId="168" fontId="43" fillId="0" borderId="77" xfId="2" applyNumberFormat="1" applyFont="1" applyBorder="1" applyAlignment="1">
      <alignment vertical="center"/>
    </xf>
    <xf numFmtId="168" fontId="6" fillId="0" borderId="76" xfId="2" applyNumberFormat="1" applyFont="1" applyBorder="1" applyAlignment="1">
      <alignment vertical="center"/>
    </xf>
    <xf numFmtId="168" fontId="6" fillId="0" borderId="78" xfId="2" applyNumberFormat="1" applyFont="1" applyBorder="1" applyAlignment="1">
      <alignment vertical="center"/>
    </xf>
    <xf numFmtId="168" fontId="6" fillId="0" borderId="77" xfId="2" applyNumberFormat="1" applyFont="1" applyBorder="1" applyAlignment="1">
      <alignment vertical="center"/>
    </xf>
    <xf numFmtId="0" fontId="6" fillId="0" borderId="79" xfId="2" applyFont="1" applyBorder="1" applyAlignment="1">
      <alignment horizontal="left" vertical="center" indent="1"/>
    </xf>
    <xf numFmtId="0" fontId="6" fillId="0" borderId="80" xfId="2" applyFont="1" applyBorder="1" applyAlignment="1">
      <alignment horizontal="left" vertical="top" wrapText="1" indent="1"/>
    </xf>
    <xf numFmtId="171" fontId="43" fillId="0" borderId="81" xfId="2" applyNumberFormat="1" applyFont="1" applyBorder="1" applyAlignment="1">
      <alignment vertical="top"/>
    </xf>
    <xf numFmtId="171" fontId="6" fillId="0" borderId="80" xfId="2" applyNumberFormat="1" applyFont="1" applyBorder="1" applyAlignment="1">
      <alignment vertical="top"/>
    </xf>
    <xf numFmtId="171" fontId="6" fillId="0" borderId="82" xfId="2" applyNumberFormat="1" applyFont="1" applyBorder="1" applyAlignment="1">
      <alignment horizontal="right" vertical="top"/>
    </xf>
    <xf numFmtId="171" fontId="6" fillId="0" borderId="81" xfId="2" applyNumberFormat="1" applyFont="1" applyBorder="1" applyAlignment="1">
      <alignment horizontal="right" vertical="top"/>
    </xf>
    <xf numFmtId="171" fontId="6" fillId="0" borderId="80" xfId="2" applyNumberFormat="1" applyFont="1" applyBorder="1" applyAlignment="1">
      <alignment horizontal="right" vertical="top"/>
    </xf>
    <xf numFmtId="0" fontId="43" fillId="5" borderId="83" xfId="2" applyFont="1" applyFill="1" applyBorder="1" applyAlignment="1">
      <alignment vertical="center" wrapText="1"/>
    </xf>
    <xf numFmtId="0" fontId="43" fillId="0" borderId="59" xfId="2" applyFont="1" applyBorder="1" applyAlignment="1">
      <alignment vertical="center" wrapText="1"/>
    </xf>
    <xf numFmtId="170" fontId="43" fillId="0" borderId="60" xfId="2" applyNumberFormat="1" applyFont="1" applyBorder="1" applyAlignment="1">
      <alignment horizontal="right" vertical="center"/>
    </xf>
    <xf numFmtId="170" fontId="6" fillId="0" borderId="83" xfId="2" applyNumberFormat="1" applyFont="1" applyBorder="1" applyAlignment="1">
      <alignment horizontal="right" vertical="center"/>
    </xf>
    <xf numFmtId="170" fontId="6" fillId="0" borderId="62" xfId="2" applyNumberFormat="1" applyFont="1" applyBorder="1" applyAlignment="1">
      <alignment horizontal="right" vertical="center"/>
    </xf>
    <xf numFmtId="170" fontId="6" fillId="0" borderId="60" xfId="2" applyNumberFormat="1" applyFont="1" applyBorder="1" applyAlignment="1">
      <alignment horizontal="right" vertical="center"/>
    </xf>
    <xf numFmtId="170" fontId="6" fillId="0" borderId="61" xfId="2" applyNumberFormat="1" applyFont="1" applyBorder="1" applyAlignment="1">
      <alignment horizontal="right" vertical="center"/>
    </xf>
    <xf numFmtId="0" fontId="17" fillId="0" borderId="59" xfId="2" applyFont="1" applyBorder="1" applyAlignment="1">
      <alignment vertical="center" wrapText="1"/>
    </xf>
    <xf numFmtId="3" fontId="43" fillId="0" borderId="60" xfId="2" applyNumberFormat="1" applyFont="1" applyBorder="1" applyAlignment="1">
      <alignment vertical="center"/>
    </xf>
    <xf numFmtId="3" fontId="6" fillId="0" borderId="83" xfId="2" applyNumberFormat="1" applyFont="1" applyBorder="1" applyAlignment="1">
      <alignment vertical="center"/>
    </xf>
    <xf numFmtId="0" fontId="6" fillId="0" borderId="62" xfId="2" applyFont="1" applyBorder="1" applyAlignment="1">
      <alignment vertical="center"/>
    </xf>
    <xf numFmtId="0" fontId="6" fillId="0" borderId="60" xfId="2" applyFont="1" applyBorder="1" applyAlignment="1">
      <alignment vertical="center"/>
    </xf>
    <xf numFmtId="0" fontId="6" fillId="0" borderId="61" xfId="2" applyFont="1" applyBorder="1" applyAlignment="1">
      <alignment vertical="center"/>
    </xf>
    <xf numFmtId="0" fontId="6" fillId="0" borderId="59" xfId="2" applyFont="1" applyBorder="1" applyAlignment="1">
      <alignment horizontal="right" vertical="center"/>
    </xf>
    <xf numFmtId="169" fontId="6" fillId="0" borderId="84" xfId="2" applyNumberFormat="1" applyFont="1" applyBorder="1" applyAlignment="1">
      <alignment vertical="center"/>
    </xf>
    <xf numFmtId="173" fontId="6" fillId="0" borderId="76" xfId="2" applyNumberFormat="1" applyFont="1" applyBorder="1" applyAlignment="1">
      <alignment vertical="center"/>
    </xf>
    <xf numFmtId="169" fontId="6" fillId="0" borderId="76" xfId="2" applyNumberFormat="1" applyFont="1" applyBorder="1" applyAlignment="1">
      <alignment vertical="center"/>
    </xf>
    <xf numFmtId="175" fontId="6" fillId="0" borderId="76" xfId="2" applyNumberFormat="1" applyFont="1" applyBorder="1" applyAlignment="1">
      <alignment vertical="center"/>
    </xf>
    <xf numFmtId="171" fontId="6" fillId="0" borderId="76" xfId="2" applyNumberFormat="1" applyFont="1" applyBorder="1" applyAlignment="1">
      <alignment vertical="center"/>
    </xf>
    <xf numFmtId="0" fontId="6" fillId="0" borderId="69" xfId="2" applyFont="1" applyBorder="1" applyAlignment="1">
      <alignment vertical="center"/>
    </xf>
    <xf numFmtId="164" fontId="6" fillId="0" borderId="80" xfId="2" applyNumberFormat="1" applyFont="1" applyBorder="1" applyAlignment="1">
      <alignment vertical="center"/>
    </xf>
    <xf numFmtId="168" fontId="6" fillId="0" borderId="84" xfId="2" applyNumberFormat="1" applyFont="1" applyBorder="1" applyAlignment="1">
      <alignment vertical="center"/>
    </xf>
    <xf numFmtId="164" fontId="6" fillId="0" borderId="76" xfId="2" applyNumberFormat="1" applyFont="1" applyBorder="1" applyAlignment="1">
      <alignment vertical="center"/>
    </xf>
    <xf numFmtId="0" fontId="6" fillId="0" borderId="85" xfId="2" applyFont="1" applyBorder="1" applyAlignment="1">
      <alignment vertical="center"/>
    </xf>
    <xf numFmtId="168" fontId="6" fillId="0" borderId="84" xfId="2" applyNumberFormat="1" applyFont="1" applyBorder="1" applyAlignment="1">
      <alignment horizontal="right" vertical="center"/>
    </xf>
    <xf numFmtId="168" fontId="6" fillId="0" borderId="76" xfId="2" applyNumberFormat="1" applyFont="1" applyBorder="1" applyAlignment="1">
      <alignment horizontal="right" vertical="center"/>
    </xf>
    <xf numFmtId="168" fontId="6" fillId="0" borderId="80" xfId="2" applyNumberFormat="1" applyFont="1" applyBorder="1" applyAlignment="1">
      <alignment horizontal="right" vertical="center"/>
    </xf>
    <xf numFmtId="0" fontId="35" fillId="0" borderId="68" xfId="2" applyFont="1" applyBorder="1" applyAlignment="1">
      <alignment horizontal="left" vertical="center" indent="1"/>
    </xf>
    <xf numFmtId="168" fontId="41" fillId="0" borderId="68" xfId="2" applyNumberFormat="1" applyFont="1" applyBorder="1" applyAlignment="1">
      <alignment horizontal="right" vertical="center"/>
    </xf>
    <xf numFmtId="168" fontId="35" fillId="0" borderId="68" xfId="2" applyNumberFormat="1" applyFont="1" applyBorder="1" applyAlignment="1">
      <alignment horizontal="right" vertical="center"/>
    </xf>
    <xf numFmtId="168" fontId="46" fillId="0" borderId="68" xfId="2" applyNumberFormat="1" applyFont="1" applyBorder="1" applyAlignment="1">
      <alignment vertical="center"/>
    </xf>
    <xf numFmtId="164" fontId="46" fillId="0" borderId="68" xfId="2" applyNumberFormat="1" applyFont="1" applyBorder="1" applyAlignment="1">
      <alignment horizontal="right" vertical="center"/>
    </xf>
    <xf numFmtId="168" fontId="35" fillId="0" borderId="68" xfId="2" applyNumberFormat="1" applyFont="1" applyBorder="1" applyAlignment="1">
      <alignment vertical="center"/>
    </xf>
    <xf numFmtId="0" fontId="44" fillId="0" borderId="59" xfId="2" applyFont="1" applyBorder="1" applyAlignment="1">
      <alignment vertical="center" wrapText="1"/>
    </xf>
    <xf numFmtId="170" fontId="6" fillId="0" borderId="86" xfId="2" applyNumberFormat="1" applyFont="1" applyBorder="1" applyAlignment="1">
      <alignment vertical="center"/>
    </xf>
    <xf numFmtId="0" fontId="6" fillId="0" borderId="63" xfId="2" applyFont="1" applyBorder="1" applyAlignment="1">
      <alignment vertical="center"/>
    </xf>
    <xf numFmtId="0" fontId="6" fillId="0" borderId="67" xfId="2" applyFont="1" applyBorder="1" applyAlignment="1">
      <alignment vertical="center"/>
    </xf>
    <xf numFmtId="0" fontId="43" fillId="0" borderId="67" xfId="2" applyFont="1" applyBorder="1" applyAlignment="1">
      <alignment vertical="center"/>
    </xf>
    <xf numFmtId="0" fontId="43" fillId="0" borderId="67" xfId="2" applyFont="1" applyBorder="1" applyAlignment="1">
      <alignment vertical="center" wrapText="1"/>
    </xf>
    <xf numFmtId="168" fontId="19" fillId="0" borderId="76" xfId="2" applyNumberFormat="1" applyFont="1" applyBorder="1" applyAlignment="1">
      <alignment vertical="center"/>
    </xf>
    <xf numFmtId="0" fontId="6" fillId="0" borderId="67" xfId="2" applyFont="1" applyBorder="1" applyAlignment="1">
      <alignment horizontal="left" vertical="center"/>
    </xf>
    <xf numFmtId="0" fontId="43" fillId="0" borderId="69" xfId="2" applyFont="1" applyBorder="1" applyAlignment="1">
      <alignment vertical="center"/>
    </xf>
    <xf numFmtId="168" fontId="6" fillId="0" borderId="80" xfId="2" applyNumberFormat="1" applyFont="1" applyBorder="1" applyAlignment="1">
      <alignment vertical="center"/>
    </xf>
    <xf numFmtId="0" fontId="34" fillId="0" borderId="68" xfId="2" applyFont="1" applyBorder="1"/>
    <xf numFmtId="0" fontId="17" fillId="6" borderId="87" xfId="2" applyFont="1" applyFill="1" applyBorder="1" applyAlignment="1" applyProtection="1">
      <alignment vertical="center" wrapText="1"/>
      <protection locked="0"/>
    </xf>
    <xf numFmtId="0" fontId="17" fillId="0" borderId="87" xfId="2" applyFont="1" applyBorder="1" applyAlignment="1" applyProtection="1">
      <alignment vertical="center" wrapText="1"/>
      <protection locked="0"/>
    </xf>
    <xf numFmtId="0" fontId="43" fillId="0" borderId="88" xfId="2" applyFont="1" applyBorder="1" applyAlignment="1" applyProtection="1">
      <alignment horizontal="right" vertical="center"/>
      <protection locked="0"/>
    </xf>
    <xf numFmtId="0" fontId="6" fillId="0" borderId="89" xfId="2" applyFont="1" applyBorder="1" applyAlignment="1">
      <alignment horizontal="right" vertical="center"/>
    </xf>
    <xf numFmtId="0" fontId="6" fillId="0" borderId="16" xfId="2" applyFont="1" applyBorder="1" applyAlignment="1">
      <alignment horizontal="right" vertical="center"/>
    </xf>
    <xf numFmtId="0" fontId="6" fillId="0" borderId="88" xfId="2" applyFont="1" applyBorder="1" applyAlignment="1">
      <alignment horizontal="right" vertical="center"/>
    </xf>
    <xf numFmtId="0" fontId="6" fillId="0" borderId="14" xfId="2" applyFont="1" applyBorder="1" applyAlignment="1">
      <alignment horizontal="right" vertical="center"/>
    </xf>
    <xf numFmtId="0" fontId="6" fillId="0" borderId="90" xfId="2" applyFont="1" applyBorder="1" applyAlignment="1">
      <alignment horizontal="right" vertical="center"/>
    </xf>
    <xf numFmtId="170" fontId="6" fillId="0" borderId="90" xfId="2" applyNumberFormat="1" applyFont="1" applyBorder="1" applyAlignment="1" applyProtection="1">
      <alignment vertical="center"/>
      <protection locked="0"/>
    </xf>
    <xf numFmtId="170" fontId="6" fillId="0" borderId="91" xfId="2" applyNumberFormat="1" applyFont="1" applyBorder="1" applyAlignment="1" applyProtection="1">
      <alignment vertical="center"/>
      <protection locked="0"/>
    </xf>
    <xf numFmtId="170" fontId="6" fillId="0" borderId="88" xfId="2" applyNumberFormat="1" applyFont="1" applyBorder="1" applyAlignment="1" applyProtection="1">
      <alignment vertical="center"/>
      <protection locked="0"/>
    </xf>
    <xf numFmtId="0" fontId="6" fillId="0" borderId="88" xfId="2" applyFont="1" applyBorder="1" applyAlignment="1" applyProtection="1">
      <alignment horizontal="right" vertical="center"/>
      <protection locked="0"/>
    </xf>
    <xf numFmtId="0" fontId="43" fillId="0" borderId="93" xfId="2" applyFont="1" applyBorder="1" applyAlignment="1" applyProtection="1">
      <alignment vertical="center"/>
      <protection locked="0"/>
    </xf>
    <xf numFmtId="0" fontId="6" fillId="0" borderId="94" xfId="2" applyFont="1" applyBorder="1" applyAlignment="1">
      <alignment vertical="center"/>
    </xf>
    <xf numFmtId="0" fontId="6" fillId="0" borderId="95" xfId="2" applyFont="1" applyBorder="1" applyAlignment="1">
      <alignment vertical="center"/>
    </xf>
    <xf numFmtId="0" fontId="6" fillId="0" borderId="93" xfId="2" applyFont="1" applyBorder="1" applyAlignment="1">
      <alignment vertical="center"/>
    </xf>
    <xf numFmtId="0" fontId="6" fillId="0" borderId="96" xfId="2" applyFont="1" applyBorder="1" applyAlignment="1">
      <alignment vertical="center"/>
    </xf>
    <xf numFmtId="0" fontId="6" fillId="0" borderId="97" xfId="2" applyFont="1" applyBorder="1" applyAlignment="1">
      <alignment vertical="center"/>
    </xf>
    <xf numFmtId="0" fontId="6" fillId="0" borderId="97" xfId="2" applyFont="1" applyBorder="1" applyAlignment="1" applyProtection="1">
      <alignment vertical="center"/>
      <protection locked="0"/>
    </xf>
    <xf numFmtId="0" fontId="6" fillId="0" borderId="98" xfId="2" applyFont="1" applyBorder="1" applyAlignment="1" applyProtection="1">
      <alignment vertical="center"/>
      <protection locked="0"/>
    </xf>
    <xf numFmtId="0" fontId="6" fillId="0" borderId="93" xfId="2" applyFont="1" applyBorder="1" applyAlignment="1" applyProtection="1">
      <alignment vertical="center"/>
      <protection locked="0"/>
    </xf>
    <xf numFmtId="0" fontId="6" fillId="0" borderId="99" xfId="2" applyFont="1" applyBorder="1" applyAlignment="1" applyProtection="1">
      <alignment vertical="center"/>
      <protection locked="0"/>
    </xf>
    <xf numFmtId="168" fontId="6" fillId="0" borderId="100" xfId="2" applyNumberFormat="1" applyFont="1" applyBorder="1" applyAlignment="1">
      <alignment horizontal="right" vertical="center"/>
    </xf>
    <xf numFmtId="168" fontId="6" fillId="0" borderId="101" xfId="2" applyNumberFormat="1" applyFont="1" applyBorder="1" applyAlignment="1">
      <alignment horizontal="right" vertical="center"/>
    </xf>
    <xf numFmtId="0" fontId="6" fillId="0" borderId="99" xfId="2" applyFont="1" applyBorder="1" applyAlignment="1" applyProtection="1">
      <alignment horizontal="left" vertical="center" indent="1"/>
      <protection locked="0"/>
    </xf>
    <xf numFmtId="168" fontId="6" fillId="0" borderId="102" xfId="6" applyNumberFormat="1" applyFont="1" applyBorder="1" applyAlignment="1">
      <alignment horizontal="right" vertical="center"/>
    </xf>
    <xf numFmtId="168" fontId="6" fillId="0" borderId="20" xfId="6" applyNumberFormat="1" applyFont="1" applyBorder="1" applyAlignment="1">
      <alignment horizontal="right" vertical="center"/>
    </xf>
    <xf numFmtId="0" fontId="43" fillId="0" borderId="99" xfId="2" applyFont="1" applyBorder="1" applyAlignment="1" applyProtection="1">
      <alignment vertical="center"/>
      <protection locked="0"/>
    </xf>
    <xf numFmtId="164" fontId="6" fillId="0" borderId="100" xfId="2" applyNumberFormat="1" applyFont="1" applyBorder="1" applyAlignment="1">
      <alignment horizontal="right" vertical="center"/>
    </xf>
    <xf numFmtId="164" fontId="6" fillId="0" borderId="101" xfId="2" applyNumberFormat="1" applyFont="1" applyBorder="1" applyAlignment="1">
      <alignment horizontal="right" vertical="center"/>
    </xf>
    <xf numFmtId="0" fontId="43" fillId="0" borderId="103" xfId="2" applyFont="1" applyBorder="1" applyAlignment="1" applyProtection="1">
      <alignment vertical="center"/>
      <protection locked="0"/>
    </xf>
    <xf numFmtId="164" fontId="6" fillId="0" borderId="104" xfId="2" applyNumberFormat="1" applyFont="1" applyBorder="1" applyAlignment="1">
      <alignment horizontal="right" vertical="center"/>
    </xf>
    <xf numFmtId="164" fontId="6" fillId="0" borderId="105" xfId="2" applyNumberFormat="1" applyFont="1" applyBorder="1" applyAlignment="1">
      <alignment horizontal="right" vertical="center"/>
    </xf>
    <xf numFmtId="0" fontId="17" fillId="0" borderId="87" xfId="2" applyFont="1" applyBorder="1" applyAlignment="1" applyProtection="1">
      <alignment vertical="center"/>
      <protection locked="0"/>
    </xf>
    <xf numFmtId="0" fontId="6" fillId="0" borderId="92" xfId="2" applyFont="1" applyBorder="1" applyAlignment="1" applyProtection="1">
      <alignment vertical="center"/>
      <protection locked="0"/>
    </xf>
    <xf numFmtId="169" fontId="6" fillId="0" borderId="95" xfId="2" applyNumberFormat="1" applyFont="1" applyBorder="1" applyAlignment="1">
      <alignment horizontal="right" vertical="center"/>
    </xf>
    <xf numFmtId="169" fontId="6" fillId="0" borderId="96" xfId="2" applyNumberFormat="1" applyFont="1" applyBorder="1" applyAlignment="1">
      <alignment horizontal="right" vertical="center"/>
    </xf>
    <xf numFmtId="169" fontId="6" fillId="0" borderId="100" xfId="2" applyNumberFormat="1" applyFont="1" applyBorder="1" applyAlignment="1">
      <alignment horizontal="right" vertical="center"/>
    </xf>
    <xf numFmtId="169" fontId="6" fillId="0" borderId="101" xfId="2" applyNumberFormat="1" applyFont="1" applyBorder="1" applyAlignment="1">
      <alignment horizontal="right" vertical="center"/>
    </xf>
    <xf numFmtId="173" fontId="6" fillId="0" borderId="100" xfId="2" applyNumberFormat="1" applyFont="1" applyBorder="1" applyAlignment="1">
      <alignment horizontal="right" vertical="center"/>
    </xf>
    <xf numFmtId="173" fontId="6" fillId="0" borderId="101" xfId="2" applyNumberFormat="1" applyFont="1" applyBorder="1" applyAlignment="1">
      <alignment horizontal="right" vertical="center"/>
    </xf>
    <xf numFmtId="171" fontId="6" fillId="0" borderId="100" xfId="2" applyNumberFormat="1" applyFont="1" applyBorder="1" applyAlignment="1">
      <alignment horizontal="right" vertical="center"/>
    </xf>
    <xf numFmtId="171" fontId="6" fillId="0" borderId="101" xfId="2" applyNumberFormat="1" applyFont="1" applyBorder="1" applyAlignment="1">
      <alignment horizontal="right" vertical="center"/>
    </xf>
    <xf numFmtId="169" fontId="6" fillId="0" borderId="100" xfId="2" applyNumberFormat="1" applyFont="1" applyBorder="1" applyAlignment="1">
      <alignment vertical="center"/>
    </xf>
    <xf numFmtId="169" fontId="6" fillId="0" borderId="101" xfId="2" applyNumberFormat="1" applyFont="1" applyBorder="1" applyAlignment="1">
      <alignment vertical="center"/>
    </xf>
    <xf numFmtId="0" fontId="43" fillId="0" borderId="99" xfId="2" applyFont="1" applyBorder="1" applyAlignment="1" applyProtection="1">
      <alignment horizontal="left" vertical="center"/>
      <protection locked="0"/>
    </xf>
    <xf numFmtId="172" fontId="6" fillId="0" borderId="100" xfId="2" applyNumberFormat="1" applyFont="1" applyBorder="1" applyAlignment="1">
      <alignment horizontal="right" vertical="center"/>
    </xf>
    <xf numFmtId="172" fontId="6" fillId="0" borderId="101" xfId="2" applyNumberFormat="1" applyFont="1" applyBorder="1" applyAlignment="1">
      <alignment horizontal="right" vertical="center"/>
    </xf>
    <xf numFmtId="0" fontId="6" fillId="0" borderId="103" xfId="2" applyFont="1" applyBorder="1" applyAlignment="1" applyProtection="1">
      <alignment horizontal="left" vertical="center" indent="1"/>
      <protection locked="0"/>
    </xf>
    <xf numFmtId="171" fontId="6" fillId="0" borderId="104" xfId="2" applyNumberFormat="1" applyFont="1" applyBorder="1" applyAlignment="1">
      <alignment horizontal="right" vertical="center"/>
    </xf>
    <xf numFmtId="171" fontId="6" fillId="0" borderId="105" xfId="2" applyNumberFormat="1" applyFont="1" applyBorder="1" applyAlignment="1">
      <alignment horizontal="right" vertical="center"/>
    </xf>
    <xf numFmtId="171" fontId="6" fillId="0" borderId="95" xfId="2" applyNumberFormat="1" applyFont="1" applyBorder="1" applyAlignment="1">
      <alignment horizontal="right" vertical="center"/>
    </xf>
    <xf numFmtId="171" fontId="6" fillId="0" borderId="96" xfId="2" applyNumberFormat="1" applyFont="1" applyBorder="1" applyAlignment="1">
      <alignment horizontal="right" vertical="center"/>
    </xf>
    <xf numFmtId="0" fontId="19" fillId="0" borderId="99" xfId="2" applyFont="1" applyBorder="1" applyAlignment="1" applyProtection="1">
      <alignment vertical="center"/>
      <protection locked="0"/>
    </xf>
    <xf numFmtId="171" fontId="19" fillId="0" borderId="100" xfId="2" applyNumberFormat="1" applyFont="1" applyBorder="1" applyAlignment="1">
      <alignment horizontal="right" vertical="center"/>
    </xf>
    <xf numFmtId="171" fontId="19" fillId="0" borderId="101" xfId="2" applyNumberFormat="1" applyFont="1" applyBorder="1" applyAlignment="1">
      <alignment horizontal="right" vertical="center"/>
    </xf>
    <xf numFmtId="0" fontId="20" fillId="0" borderId="99" xfId="2" applyFont="1" applyBorder="1" applyAlignment="1" applyProtection="1">
      <alignment vertical="center"/>
      <protection locked="0"/>
    </xf>
    <xf numFmtId="0" fontId="20" fillId="0" borderId="105" xfId="2" applyFont="1" applyBorder="1" applyAlignment="1" applyProtection="1">
      <alignment vertical="center"/>
      <protection locked="0"/>
    </xf>
    <xf numFmtId="171" fontId="20" fillId="0" borderId="106" xfId="2" applyNumberFormat="1" applyFont="1" applyBorder="1" applyAlignment="1" applyProtection="1">
      <alignment horizontal="right" vertical="center"/>
      <protection locked="0"/>
    </xf>
    <xf numFmtId="171" fontId="19" fillId="0" borderId="105" xfId="2" applyNumberFormat="1" applyFont="1" applyBorder="1" applyAlignment="1">
      <alignment horizontal="right" vertical="center"/>
    </xf>
    <xf numFmtId="171" fontId="6" fillId="0" borderId="106" xfId="2" applyNumberFormat="1" applyFont="1" applyBorder="1" applyAlignment="1">
      <alignment horizontal="right" vertical="center"/>
    </xf>
    <xf numFmtId="171" fontId="6" fillId="0" borderId="104" xfId="2" applyNumberFormat="1" applyFont="1" applyBorder="1" applyAlignment="1" applyProtection="1">
      <alignment horizontal="right" vertical="center"/>
      <protection locked="0"/>
    </xf>
    <xf numFmtId="171" fontId="6" fillId="0" borderId="105" xfId="2" applyNumberFormat="1" applyFont="1" applyBorder="1" applyAlignment="1" applyProtection="1">
      <alignment horizontal="right" vertical="center"/>
      <protection locked="0"/>
    </xf>
    <xf numFmtId="171" fontId="19" fillId="0" borderId="106" xfId="2" applyNumberFormat="1" applyFont="1" applyBorder="1" applyAlignment="1">
      <alignment vertical="center"/>
    </xf>
    <xf numFmtId="171" fontId="19" fillId="0" borderId="106" xfId="2" applyNumberFormat="1" applyFont="1" applyBorder="1" applyAlignment="1">
      <alignment horizontal="right" vertical="center"/>
    </xf>
    <xf numFmtId="0" fontId="17" fillId="0" borderId="107" xfId="2" applyFont="1" applyBorder="1" applyAlignment="1" applyProtection="1">
      <alignment vertical="center"/>
      <protection locked="0"/>
    </xf>
    <xf numFmtId="168" fontId="19" fillId="0" borderId="100" xfId="2" applyNumberFormat="1" applyFont="1" applyBorder="1" applyAlignment="1">
      <alignment vertical="center"/>
    </xf>
    <xf numFmtId="168" fontId="19" fillId="0" borderId="101" xfId="2" applyNumberFormat="1" applyFont="1" applyBorder="1" applyAlignment="1">
      <alignment vertical="center"/>
    </xf>
    <xf numFmtId="0" fontId="19" fillId="0" borderId="101" xfId="2" applyFont="1" applyBorder="1" applyAlignment="1" applyProtection="1">
      <alignment vertical="center"/>
      <protection locked="0"/>
    </xf>
    <xf numFmtId="168" fontId="20" fillId="0" borderId="108" xfId="2" applyNumberFormat="1" applyFont="1" applyBorder="1" applyAlignment="1" applyProtection="1">
      <alignment vertical="center"/>
      <protection locked="0"/>
    </xf>
    <xf numFmtId="168" fontId="19" fillId="0" borderId="108" xfId="2" applyNumberFormat="1" applyFont="1" applyBorder="1" applyAlignment="1">
      <alignment vertical="center"/>
    </xf>
    <xf numFmtId="0" fontId="19" fillId="0" borderId="103" xfId="2" applyFont="1" applyBorder="1" applyAlignment="1" applyProtection="1">
      <alignment vertical="center"/>
      <protection locked="0"/>
    </xf>
    <xf numFmtId="168" fontId="19" fillId="0" borderId="104" xfId="2" applyNumberFormat="1" applyFont="1" applyBorder="1" applyAlignment="1">
      <alignment vertical="center"/>
    </xf>
    <xf numFmtId="168" fontId="19" fillId="0" borderId="105" xfId="2" applyNumberFormat="1" applyFont="1" applyBorder="1" applyAlignment="1">
      <alignment vertical="center"/>
    </xf>
    <xf numFmtId="0" fontId="34" fillId="0" borderId="13" xfId="2" applyFont="1" applyBorder="1" applyAlignment="1" applyProtection="1">
      <alignment horizontal="left" vertical="center" indent="1"/>
      <protection locked="0"/>
    </xf>
    <xf numFmtId="172" fontId="34" fillId="0" borderId="13" xfId="2" applyNumberFormat="1" applyFont="1" applyBorder="1" applyAlignment="1" applyProtection="1">
      <alignment vertical="center"/>
      <protection locked="0"/>
    </xf>
    <xf numFmtId="0" fontId="34" fillId="0" borderId="0" xfId="2" applyFont="1" applyAlignment="1" applyProtection="1">
      <alignment horizontal="left" vertical="center"/>
      <protection locked="0"/>
    </xf>
    <xf numFmtId="0" fontId="26" fillId="7" borderId="110" xfId="2" applyFont="1" applyFill="1" applyBorder="1" applyAlignment="1" applyProtection="1">
      <alignment horizontal="left" vertical="center"/>
      <protection locked="0"/>
    </xf>
    <xf numFmtId="0" fontId="44" fillId="0" borderId="110" xfId="2" applyFont="1" applyBorder="1" applyAlignment="1" applyProtection="1">
      <alignment horizontal="left" vertical="center"/>
      <protection locked="0"/>
    </xf>
    <xf numFmtId="170" fontId="26" fillId="0" borderId="111" xfId="2" applyNumberFormat="1" applyFont="1" applyBorder="1" applyAlignment="1">
      <alignment horizontal="right" vertical="center"/>
    </xf>
    <xf numFmtId="170" fontId="27" fillId="0" borderId="110" xfId="2" applyNumberFormat="1" applyFont="1" applyBorder="1" applyAlignment="1">
      <alignment horizontal="right" vertical="center"/>
    </xf>
    <xf numFmtId="170" fontId="27" fillId="0" borderId="112" xfId="5" applyNumberFormat="1" applyFont="1" applyBorder="1" applyAlignment="1" applyProtection="1">
      <alignment horizontal="right" vertical="center"/>
    </xf>
    <xf numFmtId="170" fontId="27" fillId="0" borderId="111" xfId="5" applyNumberFormat="1" applyFont="1" applyBorder="1" applyAlignment="1" applyProtection="1">
      <alignment horizontal="right" vertical="center"/>
    </xf>
    <xf numFmtId="170" fontId="27" fillId="0" borderId="110" xfId="5" applyNumberFormat="1" applyFont="1" applyBorder="1" applyAlignment="1" applyProtection="1">
      <alignment horizontal="right" vertical="center"/>
    </xf>
    <xf numFmtId="170" fontId="27" fillId="0" borderId="112" xfId="5" applyNumberFormat="1" applyFont="1" applyBorder="1" applyAlignment="1" applyProtection="1">
      <alignment vertical="center"/>
      <protection locked="0"/>
    </xf>
    <xf numFmtId="170" fontId="27" fillId="0" borderId="110" xfId="5" applyNumberFormat="1" applyFont="1" applyBorder="1" applyAlignment="1" applyProtection="1">
      <alignment vertical="center"/>
      <protection locked="0"/>
    </xf>
    <xf numFmtId="170" fontId="27" fillId="0" borderId="111" xfId="5" applyNumberFormat="1" applyFont="1" applyBorder="1" applyAlignment="1" applyProtection="1">
      <alignment vertical="center"/>
    </xf>
    <xf numFmtId="170" fontId="27" fillId="0" borderId="111" xfId="2" applyNumberFormat="1" applyFont="1" applyBorder="1" applyAlignment="1">
      <alignment vertical="center"/>
    </xf>
    <xf numFmtId="0" fontId="17" fillId="0" borderId="84" xfId="2" applyFont="1" applyBorder="1" applyAlignment="1" applyProtection="1">
      <alignment horizontal="left" vertical="center"/>
      <protection locked="0"/>
    </xf>
    <xf numFmtId="164" fontId="26" fillId="0" borderId="113" xfId="2" applyNumberFormat="1" applyFont="1" applyBorder="1" applyAlignment="1">
      <alignment vertical="center"/>
    </xf>
    <xf numFmtId="164" fontId="27" fillId="0" borderId="84" xfId="2" applyNumberFormat="1" applyFont="1" applyBorder="1" applyAlignment="1">
      <alignment horizontal="right" vertical="center"/>
    </xf>
    <xf numFmtId="174" fontId="27" fillId="0" borderId="114" xfId="5" applyNumberFormat="1" applyFont="1" applyFill="1" applyBorder="1" applyAlignment="1" applyProtection="1">
      <alignment horizontal="left" vertical="center"/>
    </xf>
    <xf numFmtId="174" fontId="27" fillId="0" borderId="113" xfId="5" applyNumberFormat="1" applyFont="1" applyFill="1" applyBorder="1" applyAlignment="1" applyProtection="1">
      <alignment horizontal="left" vertical="center"/>
    </xf>
    <xf numFmtId="174" fontId="27" fillId="0" borderId="84" xfId="5" applyNumberFormat="1" applyFont="1" applyFill="1" applyBorder="1" applyAlignment="1" applyProtection="1">
      <alignment horizontal="left" vertical="center"/>
    </xf>
    <xf numFmtId="0" fontId="27" fillId="0" borderId="114" xfId="5" applyNumberFormat="1" applyFont="1" applyFill="1" applyBorder="1" applyAlignment="1" applyProtection="1">
      <alignment horizontal="left" vertical="center"/>
    </xf>
    <xf numFmtId="174" fontId="27" fillId="0" borderId="114" xfId="5" applyNumberFormat="1" applyFont="1" applyFill="1" applyBorder="1" applyAlignment="1" applyProtection="1">
      <alignment vertical="center"/>
      <protection locked="0"/>
    </xf>
    <xf numFmtId="174" fontId="27" fillId="0" borderId="84" xfId="5" applyNumberFormat="1" applyFont="1" applyFill="1" applyBorder="1" applyAlignment="1" applyProtection="1">
      <alignment vertical="center"/>
      <protection locked="0"/>
    </xf>
    <xf numFmtId="174" fontId="27" fillId="0" borderId="113" xfId="5" applyNumberFormat="1" applyFont="1" applyFill="1" applyBorder="1" applyAlignment="1" applyProtection="1">
      <alignment vertical="center"/>
    </xf>
    <xf numFmtId="0" fontId="27" fillId="0" borderId="115" xfId="2" applyFont="1" applyBorder="1" applyAlignment="1" applyProtection="1">
      <alignment horizontal="left" vertical="center"/>
      <protection locked="0"/>
    </xf>
    <xf numFmtId="0" fontId="27" fillId="0" borderId="116" xfId="7" applyFont="1" applyBorder="1" applyAlignment="1" applyProtection="1">
      <alignment horizontal="left" vertical="center" indent="1"/>
      <protection locked="0"/>
    </xf>
    <xf numFmtId="0" fontId="26" fillId="0" borderId="115" xfId="2" applyFont="1" applyBorder="1" applyAlignment="1" applyProtection="1">
      <alignment horizontal="left" vertical="center"/>
      <protection locked="0"/>
    </xf>
    <xf numFmtId="0" fontId="17" fillId="0" borderId="110" xfId="2" applyFont="1" applyBorder="1" applyAlignment="1" applyProtection="1">
      <alignment horizontal="left" vertical="center"/>
      <protection locked="0"/>
    </xf>
    <xf numFmtId="0" fontId="27" fillId="0" borderId="84" xfId="2" applyFont="1" applyBorder="1" applyAlignment="1" applyProtection="1">
      <alignment horizontal="left" vertical="center"/>
      <protection locked="0"/>
    </xf>
    <xf numFmtId="169" fontId="26" fillId="0" borderId="113" xfId="2" applyNumberFormat="1" applyFont="1" applyBorder="1" applyAlignment="1">
      <alignment horizontal="right" vertical="center"/>
    </xf>
    <xf numFmtId="169" fontId="27" fillId="0" borderId="84" xfId="2" applyNumberFormat="1" applyFont="1" applyBorder="1" applyAlignment="1">
      <alignment horizontal="right" vertical="center"/>
    </xf>
    <xf numFmtId="169" fontId="27" fillId="0" borderId="114" xfId="2" applyNumberFormat="1" applyFont="1" applyBorder="1" applyAlignment="1">
      <alignment vertical="center"/>
    </xf>
    <xf numFmtId="169" fontId="27" fillId="0" borderId="113" xfId="2" applyNumberFormat="1" applyFont="1" applyBorder="1" applyAlignment="1">
      <alignment vertical="center"/>
    </xf>
    <xf numFmtId="169" fontId="27" fillId="0" borderId="84" xfId="2" applyNumberFormat="1" applyFont="1" applyBorder="1" applyAlignment="1">
      <alignment vertical="center"/>
    </xf>
    <xf numFmtId="169" fontId="27" fillId="0" borderId="114" xfId="5" applyNumberFormat="1" applyFont="1" applyFill="1" applyBorder="1" applyAlignment="1" applyProtection="1">
      <alignment horizontal="right" vertical="center"/>
      <protection locked="0"/>
    </xf>
    <xf numFmtId="169" fontId="27" fillId="0" borderId="84" xfId="5" applyNumberFormat="1" applyFont="1" applyFill="1" applyBorder="1" applyAlignment="1" applyProtection="1">
      <alignment horizontal="right" vertical="center"/>
      <protection locked="0"/>
    </xf>
    <xf numFmtId="169" fontId="27" fillId="0" borderId="113" xfId="5" applyNumberFormat="1" applyFont="1" applyFill="1" applyBorder="1" applyAlignment="1" applyProtection="1">
      <alignment vertical="center"/>
    </xf>
    <xf numFmtId="0" fontId="27" fillId="0" borderId="76" xfId="2" applyFont="1" applyBorder="1" applyAlignment="1" applyProtection="1">
      <alignment horizontal="left" vertical="center"/>
      <protection locked="0"/>
    </xf>
    <xf numFmtId="169" fontId="26" fillId="0" borderId="77" xfId="2" applyNumberFormat="1" applyFont="1" applyBorder="1" applyAlignment="1">
      <alignment vertical="center"/>
    </xf>
    <xf numFmtId="169" fontId="27" fillId="0" borderId="76" xfId="2" applyNumberFormat="1" applyFont="1" applyBorder="1" applyAlignment="1">
      <alignment horizontal="right" vertical="center"/>
    </xf>
    <xf numFmtId="169" fontId="27" fillId="0" borderId="78" xfId="2" applyNumberFormat="1" applyFont="1" applyBorder="1" applyAlignment="1">
      <alignment vertical="center"/>
    </xf>
    <xf numFmtId="169" fontId="27" fillId="0" borderId="77" xfId="2" applyNumberFormat="1" applyFont="1" applyBorder="1" applyAlignment="1">
      <alignment vertical="center"/>
    </xf>
    <xf numFmtId="169" fontId="27" fillId="0" borderId="76" xfId="2" applyNumberFormat="1" applyFont="1" applyBorder="1" applyAlignment="1">
      <alignment vertical="center"/>
    </xf>
    <xf numFmtId="169" fontId="27" fillId="0" borderId="78" xfId="5" applyNumberFormat="1" applyFont="1" applyFill="1" applyBorder="1" applyAlignment="1" applyProtection="1">
      <alignment horizontal="right" vertical="center"/>
      <protection locked="0"/>
    </xf>
    <xf numFmtId="169" fontId="27" fillId="0" borderId="76" xfId="5" applyNumberFormat="1" applyFont="1" applyFill="1" applyBorder="1" applyAlignment="1" applyProtection="1">
      <alignment horizontal="right" vertical="center"/>
      <protection locked="0"/>
    </xf>
    <xf numFmtId="169" fontId="27" fillId="0" borderId="77" xfId="5" applyNumberFormat="1" applyFont="1" applyFill="1" applyBorder="1" applyAlignment="1" applyProtection="1">
      <alignment vertical="center"/>
    </xf>
    <xf numFmtId="0" fontId="26" fillId="0" borderId="76" xfId="2" applyFont="1" applyBorder="1" applyAlignment="1" applyProtection="1">
      <alignment horizontal="left" vertical="center"/>
      <protection locked="0"/>
    </xf>
    <xf numFmtId="173" fontId="26" fillId="0" borderId="77" xfId="2" applyNumberFormat="1" applyFont="1" applyBorder="1" applyAlignment="1">
      <alignment vertical="center"/>
    </xf>
    <xf numFmtId="173" fontId="27" fillId="0" borderId="76" xfId="2" applyNumberFormat="1" applyFont="1" applyBorder="1" applyAlignment="1">
      <alignment horizontal="right" vertical="center"/>
    </xf>
    <xf numFmtId="173" fontId="27" fillId="0" borderId="78" xfId="2" applyNumberFormat="1" applyFont="1" applyBorder="1" applyAlignment="1">
      <alignment vertical="center"/>
    </xf>
    <xf numFmtId="173" fontId="27" fillId="0" borderId="77" xfId="2" applyNumberFormat="1" applyFont="1" applyBorder="1" applyAlignment="1">
      <alignment vertical="center"/>
    </xf>
    <xf numFmtId="173" fontId="27" fillId="0" borderId="76" xfId="2" applyNumberFormat="1" applyFont="1" applyBorder="1" applyAlignment="1">
      <alignment vertical="center"/>
    </xf>
    <xf numFmtId="0" fontId="27" fillId="0" borderId="78" xfId="2" applyFont="1" applyBorder="1" applyAlignment="1">
      <alignment vertical="center"/>
    </xf>
    <xf numFmtId="0" fontId="27" fillId="0" borderId="115" xfId="2" applyFont="1" applyBorder="1" applyAlignment="1" applyProtection="1">
      <alignment horizontal="left" vertical="center" indent="1"/>
      <protection locked="0"/>
    </xf>
    <xf numFmtId="0" fontId="27" fillId="0" borderId="76" xfId="2" applyFont="1" applyBorder="1" applyAlignment="1" applyProtection="1">
      <alignment horizontal="left" vertical="center" indent="1"/>
      <protection locked="0"/>
    </xf>
    <xf numFmtId="0" fontId="20" fillId="0" borderId="76" xfId="2" applyFont="1" applyBorder="1" applyAlignment="1" applyProtection="1">
      <alignment horizontal="left" vertical="center"/>
      <protection locked="0"/>
    </xf>
    <xf numFmtId="0" fontId="19" fillId="0" borderId="115" xfId="2" applyFont="1" applyBorder="1" applyAlignment="1" applyProtection="1">
      <alignment horizontal="left" vertical="center" indent="1"/>
      <protection locked="0"/>
    </xf>
    <xf numFmtId="0" fontId="19" fillId="0" borderId="80" xfId="2" applyFont="1" applyBorder="1" applyAlignment="1" applyProtection="1">
      <alignment horizontal="left" vertical="center" indent="1"/>
      <protection locked="0"/>
    </xf>
    <xf numFmtId="171" fontId="20" fillId="0" borderId="81" xfId="2" applyNumberFormat="1" applyFont="1" applyBorder="1" applyAlignment="1">
      <alignment horizontal="right" vertical="center"/>
    </xf>
    <xf numFmtId="171" fontId="19" fillId="0" borderId="80" xfId="2" applyNumberFormat="1" applyFont="1" applyBorder="1" applyAlignment="1">
      <alignment horizontal="right" vertical="center"/>
    </xf>
    <xf numFmtId="171" fontId="19" fillId="0" borderId="82" xfId="5" applyNumberFormat="1" applyFont="1" applyFill="1" applyBorder="1" applyAlignment="1" applyProtection="1">
      <alignment horizontal="right" vertical="center"/>
      <protection locked="0"/>
    </xf>
    <xf numFmtId="171" fontId="19" fillId="0" borderId="80" xfId="5" applyNumberFormat="1" applyFont="1" applyFill="1" applyBorder="1" applyAlignment="1" applyProtection="1">
      <alignment horizontal="right" vertical="center"/>
      <protection locked="0"/>
    </xf>
    <xf numFmtId="171" fontId="19" fillId="0" borderId="81" xfId="5" applyNumberFormat="1" applyFont="1" applyFill="1" applyBorder="1" applyAlignment="1" applyProtection="1">
      <alignment vertical="center"/>
    </xf>
    <xf numFmtId="0" fontId="19" fillId="0" borderId="84" xfId="2" applyFont="1" applyBorder="1" applyAlignment="1" applyProtection="1">
      <alignment horizontal="left" vertical="center"/>
      <protection locked="0"/>
    </xf>
    <xf numFmtId="171" fontId="20" fillId="0" borderId="113" xfId="2" applyNumberFormat="1" applyFont="1" applyBorder="1" applyAlignment="1">
      <alignment horizontal="right" vertical="center"/>
    </xf>
    <xf numFmtId="171" fontId="19" fillId="0" borderId="84" xfId="2" applyNumberFormat="1" applyFont="1" applyBorder="1" applyAlignment="1">
      <alignment horizontal="right" vertical="center"/>
    </xf>
    <xf numFmtId="171" fontId="19" fillId="0" borderId="114" xfId="2" applyNumberFormat="1" applyFont="1" applyBorder="1" applyAlignment="1">
      <alignment vertical="center"/>
    </xf>
    <xf numFmtId="171" fontId="19" fillId="0" borderId="113" xfId="2" applyNumberFormat="1" applyFont="1" applyBorder="1" applyAlignment="1">
      <alignment vertical="center"/>
    </xf>
    <xf numFmtId="171" fontId="19" fillId="0" borderId="84" xfId="2" applyNumberFormat="1" applyFont="1" applyBorder="1" applyAlignment="1">
      <alignment vertical="center"/>
    </xf>
    <xf numFmtId="171" fontId="19" fillId="0" borderId="84" xfId="5" applyNumberFormat="1" applyFont="1" applyFill="1" applyBorder="1" applyAlignment="1" applyProtection="1">
      <alignment horizontal="right" vertical="center"/>
      <protection locked="0"/>
    </xf>
    <xf numFmtId="171" fontId="19" fillId="0" borderId="113" xfId="5" applyNumberFormat="1" applyFont="1" applyFill="1" applyBorder="1" applyAlignment="1" applyProtection="1">
      <alignment vertical="center"/>
    </xf>
    <xf numFmtId="0" fontId="19" fillId="0" borderId="115" xfId="2" applyFont="1" applyBorder="1" applyAlignment="1" applyProtection="1">
      <alignment horizontal="left" vertical="center"/>
      <protection locked="0"/>
    </xf>
    <xf numFmtId="171" fontId="19" fillId="0" borderId="76" xfId="2" applyNumberFormat="1" applyFont="1" applyBorder="1" applyAlignment="1">
      <alignment horizontal="right" vertical="center"/>
    </xf>
    <xf numFmtId="0" fontId="20" fillId="0" borderId="115" xfId="2" applyFont="1" applyBorder="1" applyAlignment="1" applyProtection="1">
      <alignment horizontal="left" vertical="center"/>
      <protection locked="0"/>
    </xf>
    <xf numFmtId="171" fontId="19" fillId="0" borderId="78" xfId="5" applyNumberFormat="1" applyFont="1" applyFill="1" applyBorder="1" applyAlignment="1" applyProtection="1">
      <alignment vertical="center"/>
    </xf>
    <xf numFmtId="0" fontId="20" fillId="0" borderId="117" xfId="2" applyFont="1" applyBorder="1" applyAlignment="1" applyProtection="1">
      <alignment horizontal="left" vertical="center"/>
      <protection locked="0"/>
    </xf>
    <xf numFmtId="171" fontId="20" fillId="0" borderId="118" xfId="2" applyNumberFormat="1" applyFont="1" applyBorder="1" applyAlignment="1">
      <alignment horizontal="right" vertical="center"/>
    </xf>
    <xf numFmtId="171" fontId="19" fillId="0" borderId="117" xfId="2" applyNumberFormat="1" applyFont="1" applyBorder="1" applyAlignment="1">
      <alignment horizontal="right" vertical="center"/>
    </xf>
    <xf numFmtId="171" fontId="19" fillId="0" borderId="119" xfId="2" applyNumberFormat="1" applyFont="1" applyBorder="1" applyAlignment="1">
      <alignment vertical="center"/>
    </xf>
    <xf numFmtId="171" fontId="19" fillId="0" borderId="118" xfId="2" applyNumberFormat="1" applyFont="1" applyBorder="1" applyAlignment="1">
      <alignment vertical="center"/>
    </xf>
    <xf numFmtId="171" fontId="19" fillId="0" borderId="117" xfId="2" applyNumberFormat="1" applyFont="1" applyBorder="1" applyAlignment="1">
      <alignment vertical="center"/>
    </xf>
    <xf numFmtId="171" fontId="19" fillId="0" borderId="119" xfId="5" applyNumberFormat="1" applyFont="1" applyFill="1" applyBorder="1" applyAlignment="1" applyProtection="1">
      <alignment horizontal="right" vertical="center"/>
      <protection locked="0"/>
    </xf>
    <xf numFmtId="171" fontId="19" fillId="0" borderId="117" xfId="5" applyNumberFormat="1" applyFont="1" applyFill="1" applyBorder="1" applyAlignment="1" applyProtection="1">
      <alignment horizontal="right" vertical="center"/>
      <protection locked="0"/>
    </xf>
    <xf numFmtId="171" fontId="19" fillId="0" borderId="118" xfId="5" applyNumberFormat="1" applyFont="1" applyFill="1" applyBorder="1" applyAlignment="1" applyProtection="1">
      <alignment vertical="center"/>
    </xf>
    <xf numFmtId="0" fontId="19" fillId="0" borderId="120" xfId="2" applyFont="1" applyBorder="1" applyAlignment="1" applyProtection="1">
      <alignment horizontal="left" vertical="center"/>
      <protection locked="0"/>
    </xf>
    <xf numFmtId="171" fontId="27" fillId="0" borderId="76" xfId="2" applyNumberFormat="1" applyFont="1" applyBorder="1" applyAlignment="1">
      <alignment horizontal="right" vertical="center"/>
    </xf>
    <xf numFmtId="0" fontId="17" fillId="0" borderId="121" xfId="2" applyFont="1" applyBorder="1" applyAlignment="1" applyProtection="1">
      <alignment horizontal="left" vertical="center"/>
      <protection locked="0"/>
    </xf>
    <xf numFmtId="168" fontId="27" fillId="0" borderId="84" xfId="2" applyNumberFormat="1" applyFont="1" applyBorder="1" applyAlignment="1">
      <alignment horizontal="right" vertical="center"/>
    </xf>
    <xf numFmtId="168" fontId="26" fillId="0" borderId="77" xfId="2" applyNumberFormat="1" applyFont="1" applyBorder="1" applyAlignment="1">
      <alignment vertical="center"/>
    </xf>
    <xf numFmtId="168" fontId="27" fillId="0" borderId="76" xfId="2" applyNumberFormat="1" applyFont="1" applyBorder="1" applyAlignment="1">
      <alignment horizontal="right" vertical="center"/>
    </xf>
    <xf numFmtId="168" fontId="27" fillId="0" borderId="78" xfId="2" applyNumberFormat="1" applyFont="1" applyBorder="1" applyAlignment="1">
      <alignment vertical="center"/>
    </xf>
    <xf numFmtId="168" fontId="27" fillId="0" borderId="77" xfId="2" applyNumberFormat="1" applyFont="1" applyBorder="1" applyAlignment="1">
      <alignment vertical="center"/>
    </xf>
    <xf numFmtId="168" fontId="27" fillId="0" borderId="76" xfId="2" applyNumberFormat="1" applyFont="1" applyBorder="1" applyAlignment="1">
      <alignment vertical="center"/>
    </xf>
    <xf numFmtId="168" fontId="27" fillId="8" borderId="0" xfId="5" applyNumberFormat="1" applyFont="1" applyFill="1" applyBorder="1" applyAlignment="1" applyProtection="1">
      <alignment vertical="center"/>
    </xf>
    <xf numFmtId="0" fontId="27" fillId="0" borderId="122" xfId="2" applyFont="1" applyBorder="1" applyAlignment="1" applyProtection="1">
      <alignment horizontal="left" vertical="center"/>
      <protection locked="0"/>
    </xf>
    <xf numFmtId="168" fontId="27" fillId="0" borderId="80" xfId="2" applyNumberFormat="1" applyFont="1" applyBorder="1" applyAlignment="1">
      <alignment horizontal="right" vertical="center"/>
    </xf>
    <xf numFmtId="0" fontId="50" fillId="0" borderId="68" xfId="2" applyFont="1" applyBorder="1" applyAlignment="1" applyProtection="1">
      <alignment horizontal="left" vertical="center"/>
      <protection locked="0"/>
    </xf>
    <xf numFmtId="172" fontId="45" fillId="0" borderId="68" xfId="2" applyNumberFormat="1" applyFont="1" applyBorder="1" applyAlignment="1" applyProtection="1">
      <alignment vertical="center"/>
      <protection locked="0"/>
    </xf>
    <xf numFmtId="172" fontId="45" fillId="0" borderId="68" xfId="5" applyNumberFormat="1" applyFont="1" applyBorder="1" applyAlignment="1" applyProtection="1">
      <alignment vertical="center"/>
      <protection locked="0"/>
    </xf>
    <xf numFmtId="0" fontId="26" fillId="0" borderId="110" xfId="2" applyFont="1" applyBorder="1" applyAlignment="1">
      <alignment horizontal="left" vertical="center"/>
    </xf>
    <xf numFmtId="0" fontId="44" fillId="0" borderId="110" xfId="2" applyFont="1" applyBorder="1" applyAlignment="1">
      <alignment horizontal="left" vertical="center"/>
    </xf>
    <xf numFmtId="0" fontId="26" fillId="0" borderId="111" xfId="2" applyFont="1" applyBorder="1" applyAlignment="1">
      <alignment horizontal="right" vertical="center"/>
    </xf>
    <xf numFmtId="0" fontId="27" fillId="0" borderId="110" xfId="2" applyFont="1" applyBorder="1" applyAlignment="1">
      <alignment horizontal="right" vertical="center"/>
    </xf>
    <xf numFmtId="0" fontId="27" fillId="0" borderId="112" xfId="5" applyNumberFormat="1" applyFont="1" applyFill="1" applyBorder="1" applyAlignment="1">
      <alignment horizontal="right" vertical="center"/>
    </xf>
    <xf numFmtId="0" fontId="27" fillId="0" borderId="111" xfId="5" applyNumberFormat="1" applyFont="1" applyFill="1" applyBorder="1" applyAlignment="1">
      <alignment horizontal="right" vertical="center"/>
    </xf>
    <xf numFmtId="0" fontId="27" fillId="0" borderId="110" xfId="5" applyNumberFormat="1" applyFont="1" applyFill="1" applyBorder="1" applyAlignment="1">
      <alignment horizontal="right" vertical="center"/>
    </xf>
    <xf numFmtId="0" fontId="27" fillId="0" borderId="112" xfId="5" applyNumberFormat="1" applyFont="1" applyFill="1" applyBorder="1" applyAlignment="1">
      <alignment vertical="center"/>
    </xf>
    <xf numFmtId="0" fontId="27" fillId="0" borderId="110" xfId="5" applyNumberFormat="1" applyFont="1" applyFill="1" applyBorder="1" applyAlignment="1">
      <alignment vertical="center"/>
    </xf>
    <xf numFmtId="0" fontId="27" fillId="0" borderId="111" xfId="5" applyNumberFormat="1" applyFont="1" applyFill="1" applyBorder="1" applyAlignment="1">
      <alignment vertical="center"/>
    </xf>
    <xf numFmtId="0" fontId="27" fillId="0" borderId="111" xfId="2" applyFont="1" applyBorder="1" applyAlignment="1">
      <alignment vertical="center"/>
    </xf>
    <xf numFmtId="0" fontId="17" fillId="0" borderId="84" xfId="2" applyFont="1" applyBorder="1" applyAlignment="1">
      <alignment horizontal="left" vertical="center"/>
    </xf>
    <xf numFmtId="0" fontId="26" fillId="0" borderId="113" xfId="2" applyFont="1" applyBorder="1" applyAlignment="1">
      <alignment vertical="center"/>
    </xf>
    <xf numFmtId="0" fontId="27" fillId="0" borderId="84" xfId="2" applyFont="1" applyBorder="1" applyAlignment="1">
      <alignment horizontal="right" vertical="center"/>
    </xf>
    <xf numFmtId="0" fontId="27" fillId="0" borderId="114" xfId="5" applyNumberFormat="1" applyFont="1" applyFill="1" applyBorder="1" applyAlignment="1">
      <alignment horizontal="left" vertical="center"/>
    </xf>
    <xf numFmtId="0" fontId="27" fillId="0" borderId="113" xfId="5" applyNumberFormat="1" applyFont="1" applyFill="1" applyBorder="1" applyAlignment="1">
      <alignment horizontal="left" vertical="center"/>
    </xf>
    <xf numFmtId="0" fontId="27" fillId="0" borderId="84" xfId="5" applyNumberFormat="1" applyFont="1" applyFill="1" applyBorder="1" applyAlignment="1">
      <alignment horizontal="left" vertical="center"/>
    </xf>
    <xf numFmtId="0" fontId="27" fillId="0" borderId="114" xfId="5" applyNumberFormat="1" applyFont="1" applyFill="1" applyBorder="1" applyAlignment="1">
      <alignment vertical="center"/>
    </xf>
    <xf numFmtId="0" fontId="27" fillId="0" borderId="84" xfId="5" applyNumberFormat="1" applyFont="1" applyFill="1" applyBorder="1" applyAlignment="1">
      <alignment vertical="center"/>
    </xf>
    <xf numFmtId="0" fontId="27" fillId="0" borderId="113" xfId="5" applyNumberFormat="1" applyFont="1" applyFill="1" applyBorder="1" applyAlignment="1">
      <alignment vertical="center"/>
    </xf>
    <xf numFmtId="0" fontId="27" fillId="0" borderId="115" xfId="2" applyFont="1" applyBorder="1" applyAlignment="1">
      <alignment horizontal="left" vertical="center"/>
    </xf>
    <xf numFmtId="0" fontId="27" fillId="0" borderId="116" xfId="8" applyFont="1" applyBorder="1" applyAlignment="1">
      <alignment horizontal="left" vertical="center" indent="1"/>
    </xf>
    <xf numFmtId="0" fontId="26" fillId="0" borderId="115" xfId="2" applyFont="1" applyBorder="1" applyAlignment="1">
      <alignment horizontal="left" vertical="center"/>
    </xf>
    <xf numFmtId="0" fontId="17" fillId="0" borderId="110" xfId="2" applyFont="1" applyBorder="1" applyAlignment="1">
      <alignment horizontal="left" vertical="center"/>
    </xf>
    <xf numFmtId="0" fontId="27" fillId="0" borderId="84" xfId="2" applyFont="1" applyBorder="1" applyAlignment="1">
      <alignment horizontal="left" vertical="center"/>
    </xf>
    <xf numFmtId="169" fontId="27" fillId="0" borderId="114" xfId="5" applyNumberFormat="1" applyFont="1" applyFill="1" applyBorder="1" applyAlignment="1">
      <alignment horizontal="right" vertical="center"/>
    </xf>
    <xf numFmtId="169" fontId="27" fillId="0" borderId="84" xfId="5" applyNumberFormat="1" applyFont="1" applyFill="1" applyBorder="1" applyAlignment="1">
      <alignment horizontal="right" vertical="center"/>
    </xf>
    <xf numFmtId="169" fontId="27" fillId="0" borderId="113" xfId="5" applyNumberFormat="1" applyFont="1" applyFill="1" applyBorder="1" applyAlignment="1">
      <alignment vertical="center"/>
    </xf>
    <xf numFmtId="0" fontId="27" fillId="0" borderId="76" xfId="2" applyFont="1" applyBorder="1" applyAlignment="1">
      <alignment horizontal="left" vertical="center"/>
    </xf>
    <xf numFmtId="169" fontId="26" fillId="0" borderId="77" xfId="2" applyNumberFormat="1" applyFont="1" applyBorder="1" applyAlignment="1">
      <alignment horizontal="right" vertical="center"/>
    </xf>
    <xf numFmtId="169" fontId="27" fillId="0" borderId="78" xfId="5" applyNumberFormat="1" applyFont="1" applyFill="1" applyBorder="1" applyAlignment="1">
      <alignment horizontal="right" vertical="center"/>
    </xf>
    <xf numFmtId="169" fontId="27" fillId="0" borderId="76" xfId="5" applyNumberFormat="1" applyFont="1" applyFill="1" applyBorder="1" applyAlignment="1">
      <alignment horizontal="right" vertical="center"/>
    </xf>
    <xf numFmtId="169" fontId="27" fillId="0" borderId="77" xfId="5" applyNumberFormat="1" applyFont="1" applyFill="1" applyBorder="1" applyAlignment="1">
      <alignment vertical="center"/>
    </xf>
    <xf numFmtId="0" fontId="26" fillId="0" borderId="76" xfId="2" applyFont="1" applyBorder="1" applyAlignment="1">
      <alignment horizontal="left" vertical="center"/>
    </xf>
    <xf numFmtId="0" fontId="26" fillId="0" borderId="77" xfId="2" applyFont="1" applyBorder="1" applyAlignment="1">
      <alignment horizontal="right" vertical="center"/>
    </xf>
    <xf numFmtId="0" fontId="27" fillId="0" borderId="76" xfId="2" applyFont="1" applyBorder="1" applyAlignment="1">
      <alignment horizontal="right" vertical="center"/>
    </xf>
    <xf numFmtId="0" fontId="27" fillId="0" borderId="77" xfId="2" applyFont="1" applyBorder="1" applyAlignment="1">
      <alignment vertical="center"/>
    </xf>
    <xf numFmtId="0" fontId="27" fillId="0" borderId="76" xfId="2" applyFont="1" applyBorder="1" applyAlignment="1">
      <alignment vertical="center"/>
    </xf>
    <xf numFmtId="0" fontId="27" fillId="0" borderId="78" xfId="5" applyNumberFormat="1" applyFont="1" applyFill="1" applyBorder="1" applyAlignment="1">
      <alignment horizontal="right" vertical="center"/>
    </xf>
    <xf numFmtId="0" fontId="27" fillId="0" borderId="76" xfId="5" applyNumberFormat="1" applyFont="1" applyFill="1" applyBorder="1" applyAlignment="1">
      <alignment horizontal="right" vertical="center"/>
    </xf>
    <xf numFmtId="0" fontId="27" fillId="0" borderId="77" xfId="5" applyNumberFormat="1" applyFont="1" applyFill="1" applyBorder="1" applyAlignment="1">
      <alignment vertical="center"/>
    </xf>
    <xf numFmtId="0" fontId="27" fillId="0" borderId="115" xfId="2" applyFont="1" applyBorder="1" applyAlignment="1">
      <alignment horizontal="left" vertical="center" indent="1"/>
    </xf>
    <xf numFmtId="0" fontId="27" fillId="0" borderId="76" xfId="2" applyFont="1" applyBorder="1" applyAlignment="1">
      <alignment horizontal="left" vertical="center" indent="1"/>
    </xf>
    <xf numFmtId="0" fontId="27" fillId="0" borderId="80" xfId="2" applyFont="1" applyBorder="1" applyAlignment="1">
      <alignment horizontal="left" vertical="center" indent="1"/>
    </xf>
    <xf numFmtId="171" fontId="26" fillId="0" borderId="81" xfId="2" applyNumberFormat="1" applyFont="1" applyBorder="1" applyAlignment="1">
      <alignment horizontal="right" vertical="center"/>
    </xf>
    <xf numFmtId="171" fontId="27" fillId="0" borderId="80" xfId="2" applyNumberFormat="1" applyFont="1" applyBorder="1" applyAlignment="1">
      <alignment horizontal="right" vertical="center"/>
    </xf>
    <xf numFmtId="171" fontId="27" fillId="0" borderId="82" xfId="5" applyNumberFormat="1" applyFont="1" applyFill="1" applyBorder="1" applyAlignment="1">
      <alignment horizontal="right" vertical="center"/>
    </xf>
    <xf numFmtId="171" fontId="27" fillId="0" borderId="80" xfId="5" applyNumberFormat="1" applyFont="1" applyFill="1" applyBorder="1" applyAlignment="1">
      <alignment horizontal="right" vertical="center"/>
    </xf>
    <xf numFmtId="171" fontId="27" fillId="0" borderId="81" xfId="5" applyNumberFormat="1" applyFont="1" applyFill="1" applyBorder="1" applyAlignment="1">
      <alignment vertical="center"/>
    </xf>
    <xf numFmtId="171" fontId="26" fillId="0" borderId="113" xfId="2" applyNumberFormat="1" applyFont="1" applyBorder="1" applyAlignment="1">
      <alignment horizontal="right" vertical="center"/>
    </xf>
    <xf numFmtId="171" fontId="27" fillId="0" borderId="84" xfId="2" applyNumberFormat="1" applyFont="1" applyBorder="1" applyAlignment="1">
      <alignment horizontal="right" vertical="center"/>
    </xf>
    <xf numFmtId="171" fontId="27" fillId="0" borderId="114" xfId="2" applyNumberFormat="1" applyFont="1" applyBorder="1" applyAlignment="1">
      <alignment vertical="center"/>
    </xf>
    <xf numFmtId="171" fontId="27" fillId="0" borderId="113" xfId="2" applyNumberFormat="1" applyFont="1" applyBorder="1" applyAlignment="1">
      <alignment vertical="center"/>
    </xf>
    <xf numFmtId="171" fontId="27" fillId="0" borderId="84" xfId="2" applyNumberFormat="1" applyFont="1" applyBorder="1" applyAlignment="1">
      <alignment vertical="center"/>
    </xf>
    <xf numFmtId="171" fontId="27" fillId="0" borderId="84" xfId="5" applyNumberFormat="1" applyFont="1" applyFill="1" applyBorder="1" applyAlignment="1">
      <alignment horizontal="right" vertical="center"/>
    </xf>
    <xf numFmtId="171" fontId="27" fillId="0" borderId="113" xfId="5" applyNumberFormat="1" applyFont="1" applyFill="1" applyBorder="1" applyAlignment="1">
      <alignment vertical="center"/>
    </xf>
    <xf numFmtId="171" fontId="26" fillId="0" borderId="77" xfId="2" applyNumberFormat="1" applyFont="1" applyBorder="1" applyAlignment="1">
      <alignment horizontal="right" vertical="center"/>
    </xf>
    <xf numFmtId="0" fontId="26" fillId="0" borderId="117" xfId="2" applyFont="1" applyBorder="1" applyAlignment="1">
      <alignment horizontal="left" vertical="center"/>
    </xf>
    <xf numFmtId="171" fontId="26" fillId="0" borderId="118" xfId="2" applyNumberFormat="1" applyFont="1" applyBorder="1" applyAlignment="1">
      <alignment horizontal="right" vertical="center"/>
    </xf>
    <xf numFmtId="171" fontId="27" fillId="0" borderId="117" xfId="2" applyNumberFormat="1" applyFont="1" applyBorder="1" applyAlignment="1">
      <alignment horizontal="right" vertical="center"/>
    </xf>
    <xf numFmtId="171" fontId="27" fillId="0" borderId="119" xfId="2" applyNumberFormat="1" applyFont="1" applyBorder="1" applyAlignment="1">
      <alignment vertical="center"/>
    </xf>
    <xf numFmtId="171" fontId="27" fillId="0" borderId="118" xfId="2" applyNumberFormat="1" applyFont="1" applyBorder="1" applyAlignment="1">
      <alignment vertical="center"/>
    </xf>
    <xf numFmtId="171" fontId="27" fillId="0" borderId="117" xfId="2" applyNumberFormat="1" applyFont="1" applyBorder="1" applyAlignment="1">
      <alignment vertical="center"/>
    </xf>
    <xf numFmtId="171" fontId="27" fillId="0" borderId="119" xfId="5" applyNumberFormat="1" applyFont="1" applyFill="1" applyBorder="1" applyAlignment="1">
      <alignment horizontal="right" vertical="center"/>
    </xf>
    <xf numFmtId="171" fontId="27" fillId="0" borderId="117" xfId="5" applyNumberFormat="1" applyFont="1" applyFill="1" applyBorder="1" applyAlignment="1">
      <alignment horizontal="right" vertical="center"/>
    </xf>
    <xf numFmtId="171" fontId="27" fillId="0" borderId="118" xfId="5" applyNumberFormat="1" applyFont="1" applyFill="1" applyBorder="1" applyAlignment="1">
      <alignment vertical="center"/>
    </xf>
    <xf numFmtId="0" fontId="27" fillId="0" borderId="120" xfId="2" applyFont="1" applyBorder="1" applyAlignment="1">
      <alignment horizontal="left" vertical="center"/>
    </xf>
    <xf numFmtId="0" fontId="17" fillId="0" borderId="121" xfId="2" applyFont="1" applyBorder="1" applyAlignment="1">
      <alignment horizontal="left" vertical="center"/>
    </xf>
    <xf numFmtId="168" fontId="26" fillId="0" borderId="113" xfId="2" applyNumberFormat="1" applyFont="1" applyBorder="1" applyAlignment="1">
      <alignment horizontal="right" vertical="center"/>
    </xf>
    <xf numFmtId="168" fontId="26" fillId="0" borderId="77" xfId="2" applyNumberFormat="1" applyFont="1" applyBorder="1" applyAlignment="1">
      <alignment horizontal="right" vertical="center"/>
    </xf>
    <xf numFmtId="168" fontId="27" fillId="8" borderId="0" xfId="5" applyNumberFormat="1" applyFont="1" applyFill="1" applyBorder="1" applyAlignment="1">
      <alignment vertical="center"/>
    </xf>
    <xf numFmtId="0" fontId="27" fillId="0" borderId="122" xfId="2" applyFont="1" applyBorder="1" applyAlignment="1">
      <alignment horizontal="left" vertical="center"/>
    </xf>
    <xf numFmtId="168" fontId="26" fillId="0" borderId="81" xfId="2" applyNumberFormat="1" applyFont="1" applyBorder="1" applyAlignment="1">
      <alignment horizontal="right" vertical="center"/>
    </xf>
    <xf numFmtId="0" fontId="50" fillId="0" borderId="68" xfId="2" applyFont="1" applyBorder="1" applyAlignment="1">
      <alignment horizontal="left" vertical="center"/>
    </xf>
    <xf numFmtId="0" fontId="45" fillId="0" borderId="68" xfId="2" applyFont="1" applyBorder="1" applyAlignment="1">
      <alignment vertical="center"/>
    </xf>
    <xf numFmtId="0" fontId="45" fillId="0" borderId="68" xfId="5" applyNumberFormat="1" applyFont="1" applyFill="1" applyBorder="1" applyAlignment="1">
      <alignment vertical="center"/>
    </xf>
    <xf numFmtId="0" fontId="45" fillId="0" borderId="0" xfId="2" quotePrefix="1" applyFont="1" applyAlignment="1">
      <alignment horizontal="left" vertical="center"/>
    </xf>
    <xf numFmtId="0" fontId="17" fillId="9" borderId="123" xfId="2" applyFont="1" applyFill="1" applyBorder="1" applyAlignment="1" applyProtection="1">
      <alignment vertical="center" wrapText="1"/>
      <protection locked="0"/>
    </xf>
    <xf numFmtId="0" fontId="17" fillId="0" borderId="123" xfId="2" applyFont="1" applyBorder="1" applyAlignment="1" applyProtection="1">
      <alignment vertical="center" wrapText="1"/>
      <protection locked="0"/>
    </xf>
    <xf numFmtId="0" fontId="43" fillId="0" borderId="124" xfId="2" applyFont="1" applyBorder="1" applyAlignment="1" applyProtection="1">
      <alignment horizontal="right" vertical="center"/>
      <protection locked="0"/>
    </xf>
    <xf numFmtId="0" fontId="6" fillId="0" borderId="125" xfId="2" applyFont="1" applyBorder="1" applyAlignment="1">
      <alignment horizontal="right" vertical="center"/>
    </xf>
    <xf numFmtId="0" fontId="6" fillId="0" borderId="126" xfId="2" applyFont="1" applyBorder="1" applyAlignment="1">
      <alignment horizontal="right" vertical="center"/>
    </xf>
    <xf numFmtId="0" fontId="6" fillId="0" borderId="124" xfId="2" applyFont="1" applyBorder="1" applyAlignment="1">
      <alignment horizontal="right" vertical="center"/>
    </xf>
    <xf numFmtId="0" fontId="6" fillId="0" borderId="127" xfId="2" applyFont="1" applyBorder="1" applyAlignment="1">
      <alignment horizontal="right" vertical="center"/>
    </xf>
    <xf numFmtId="170" fontId="6" fillId="0" borderId="127" xfId="2" applyNumberFormat="1" applyFont="1" applyBorder="1" applyAlignment="1" applyProtection="1">
      <alignment vertical="center"/>
      <protection locked="0"/>
    </xf>
    <xf numFmtId="170" fontId="6" fillId="0" borderId="128" xfId="2" applyNumberFormat="1" applyFont="1" applyBorder="1" applyAlignment="1" applyProtection="1">
      <alignment vertical="center"/>
      <protection locked="0"/>
    </xf>
    <xf numFmtId="170" fontId="6" fillId="0" borderId="124" xfId="2" applyNumberFormat="1" applyFont="1" applyBorder="1" applyAlignment="1">
      <alignment vertical="center"/>
    </xf>
    <xf numFmtId="0" fontId="43" fillId="0" borderId="129" xfId="2" applyFont="1" applyBorder="1" applyAlignment="1" applyProtection="1">
      <alignment horizontal="right" vertical="center"/>
      <protection locked="0"/>
    </xf>
    <xf numFmtId="0" fontId="6" fillId="0" borderId="130" xfId="2" applyFont="1" applyBorder="1" applyAlignment="1">
      <alignment horizontal="right" vertical="center"/>
    </xf>
    <xf numFmtId="0" fontId="43" fillId="0" borderId="131" xfId="2" applyFont="1" applyBorder="1" applyAlignment="1">
      <alignment horizontal="right" vertical="center"/>
    </xf>
    <xf numFmtId="0" fontId="43" fillId="0" borderId="129" xfId="2" applyFont="1" applyBorder="1" applyAlignment="1">
      <alignment horizontal="right" vertical="center"/>
    </xf>
    <xf numFmtId="0" fontId="43" fillId="0" borderId="96" xfId="2" applyFont="1" applyBorder="1" applyAlignment="1">
      <alignment horizontal="right" vertical="center"/>
    </xf>
    <xf numFmtId="0" fontId="43" fillId="0" borderId="132" xfId="2" applyFont="1" applyBorder="1" applyAlignment="1">
      <alignment horizontal="right" vertical="center"/>
    </xf>
    <xf numFmtId="170" fontId="43" fillId="0" borderId="132" xfId="2" applyNumberFormat="1" applyFont="1" applyBorder="1" applyAlignment="1" applyProtection="1">
      <alignment vertical="center"/>
      <protection locked="0"/>
    </xf>
    <xf numFmtId="170" fontId="43" fillId="0" borderId="133" xfId="2" applyNumberFormat="1" applyFont="1" applyBorder="1" applyAlignment="1" applyProtection="1">
      <alignment vertical="center"/>
      <protection locked="0"/>
    </xf>
    <xf numFmtId="170" fontId="43" fillId="0" borderId="129" xfId="2" applyNumberFormat="1" applyFont="1" applyBorder="1" applyAlignment="1">
      <alignment vertical="center"/>
    </xf>
    <xf numFmtId="0" fontId="6" fillId="0" borderId="101" xfId="2" applyFont="1" applyBorder="1" applyAlignment="1" applyProtection="1">
      <alignment vertical="center"/>
      <protection locked="0"/>
    </xf>
    <xf numFmtId="168" fontId="43" fillId="0" borderId="108" xfId="2" applyNumberFormat="1" applyFont="1" applyBorder="1" applyAlignment="1" applyProtection="1">
      <alignment horizontal="right" vertical="center"/>
      <protection locked="0"/>
    </xf>
    <xf numFmtId="168" fontId="6" fillId="0" borderId="100" xfId="2" applyNumberFormat="1" applyFont="1" applyBorder="1" applyAlignment="1">
      <alignment vertical="center"/>
    </xf>
    <xf numFmtId="168" fontId="6" fillId="0" borderId="108" xfId="2" applyNumberFormat="1" applyFont="1" applyBorder="1" applyAlignment="1">
      <alignment vertical="center"/>
    </xf>
    <xf numFmtId="168" fontId="6" fillId="0" borderId="101" xfId="2" applyNumberFormat="1" applyFont="1" applyBorder="1" applyAlignment="1">
      <alignment vertical="center"/>
    </xf>
    <xf numFmtId="168" fontId="6" fillId="0" borderId="100" xfId="2" applyNumberFormat="1" applyFont="1" applyBorder="1" applyAlignment="1" applyProtection="1">
      <alignment vertical="center"/>
      <protection locked="0"/>
    </xf>
    <xf numFmtId="168" fontId="6" fillId="0" borderId="101" xfId="2" applyNumberFormat="1" applyFont="1" applyBorder="1" applyAlignment="1" applyProtection="1">
      <alignment vertical="center"/>
      <protection locked="0"/>
    </xf>
    <xf numFmtId="0" fontId="6" fillId="0" borderId="134" xfId="2" applyFont="1" applyBorder="1" applyAlignment="1" applyProtection="1">
      <alignment vertical="center"/>
      <protection locked="0"/>
    </xf>
    <xf numFmtId="0" fontId="6" fillId="0" borderId="136" xfId="6" applyFont="1" applyBorder="1" applyAlignment="1" applyProtection="1">
      <alignment horizontal="left" vertical="center" indent="1"/>
      <protection locked="0"/>
    </xf>
    <xf numFmtId="168" fontId="6" fillId="0" borderId="20" xfId="6" applyNumberFormat="1" applyFont="1" applyBorder="1" applyAlignment="1">
      <alignment vertical="center"/>
    </xf>
    <xf numFmtId="0" fontId="43" fillId="0" borderId="134" xfId="2" applyFont="1" applyBorder="1" applyAlignment="1" applyProtection="1">
      <alignment vertical="center"/>
      <protection locked="0"/>
    </xf>
    <xf numFmtId="164" fontId="6" fillId="0" borderId="101" xfId="2" applyNumberFormat="1" applyFont="1" applyBorder="1" applyAlignment="1">
      <alignment vertical="center"/>
    </xf>
    <xf numFmtId="0" fontId="43" fillId="0" borderId="134" xfId="2" applyFont="1" applyBorder="1" applyAlignment="1" applyProtection="1">
      <alignment horizontal="left" vertical="center" indent="1"/>
      <protection locked="0"/>
    </xf>
    <xf numFmtId="0" fontId="6" fillId="0" borderId="134" xfId="2" applyFont="1" applyBorder="1" applyAlignment="1" applyProtection="1">
      <alignment horizontal="left" vertical="center" indent="1"/>
      <protection locked="0"/>
    </xf>
    <xf numFmtId="0" fontId="43" fillId="0" borderId="137" xfId="2" applyFont="1" applyBorder="1" applyAlignment="1" applyProtection="1">
      <alignment vertical="center"/>
      <protection locked="0"/>
    </xf>
    <xf numFmtId="168" fontId="6" fillId="0" borderId="105" xfId="2" applyNumberFormat="1" applyFont="1" applyBorder="1" applyAlignment="1">
      <alignment horizontal="right" vertical="center"/>
    </xf>
    <xf numFmtId="168" fontId="6" fillId="0" borderId="105" xfId="2" applyNumberFormat="1" applyFont="1" applyBorder="1" applyAlignment="1">
      <alignment vertical="center"/>
    </xf>
    <xf numFmtId="0" fontId="17" fillId="0" borderId="123" xfId="2" applyFont="1" applyBorder="1" applyAlignment="1" applyProtection="1">
      <alignment vertical="center"/>
      <protection locked="0"/>
    </xf>
    <xf numFmtId="0" fontId="19" fillId="0" borderId="14" xfId="2" applyFont="1" applyBorder="1" applyAlignment="1">
      <alignment horizontal="right" vertical="center"/>
    </xf>
    <xf numFmtId="0" fontId="43" fillId="0" borderId="139" xfId="2" applyFont="1" applyBorder="1" applyAlignment="1" applyProtection="1">
      <alignment vertical="center"/>
      <protection locked="0"/>
    </xf>
    <xf numFmtId="172" fontId="19" fillId="0" borderId="96" xfId="2" applyNumberFormat="1" applyFont="1" applyBorder="1" applyAlignment="1">
      <alignment horizontal="right" vertical="center"/>
    </xf>
    <xf numFmtId="171" fontId="6" fillId="0" borderId="101" xfId="2" applyNumberFormat="1" applyFont="1" applyBorder="1" applyAlignment="1">
      <alignment vertical="center"/>
    </xf>
    <xf numFmtId="172" fontId="6" fillId="0" borderId="101" xfId="2" applyNumberFormat="1" applyFont="1" applyBorder="1" applyAlignment="1">
      <alignment vertical="center"/>
    </xf>
    <xf numFmtId="0" fontId="6" fillId="0" borderId="137" xfId="2" applyFont="1" applyBorder="1" applyAlignment="1" applyProtection="1">
      <alignment horizontal="left" vertical="center" indent="1"/>
      <protection locked="0"/>
    </xf>
    <xf numFmtId="171" fontId="6" fillId="0" borderId="105" xfId="2" applyNumberFormat="1" applyFont="1" applyBorder="1" applyAlignment="1">
      <alignment vertical="center"/>
    </xf>
    <xf numFmtId="0" fontId="6" fillId="0" borderId="139" xfId="2" applyFont="1" applyBorder="1" applyAlignment="1" applyProtection="1">
      <alignment vertical="center"/>
      <protection locked="0"/>
    </xf>
    <xf numFmtId="171" fontId="19" fillId="0" borderId="96" xfId="2" applyNumberFormat="1" applyFont="1" applyBorder="1" applyAlignment="1">
      <alignment horizontal="right" vertical="center"/>
    </xf>
    <xf numFmtId="0" fontId="20" fillId="0" borderId="134" xfId="2" applyFont="1" applyBorder="1" applyAlignment="1" applyProtection="1">
      <alignment vertical="center"/>
      <protection locked="0"/>
    </xf>
    <xf numFmtId="0" fontId="19" fillId="0" borderId="134" xfId="2" applyFont="1" applyBorder="1" applyAlignment="1" applyProtection="1">
      <alignment vertical="center"/>
      <protection locked="0"/>
    </xf>
    <xf numFmtId="0" fontId="20" fillId="0" borderId="137" xfId="2" applyFont="1" applyBorder="1" applyAlignment="1" applyProtection="1">
      <alignment vertical="center"/>
      <protection locked="0"/>
    </xf>
    <xf numFmtId="0" fontId="20" fillId="0" borderId="139" xfId="2" applyFont="1" applyBorder="1" applyAlignment="1" applyProtection="1">
      <alignment vertical="center"/>
      <protection locked="0"/>
    </xf>
    <xf numFmtId="164" fontId="19" fillId="0" borderId="96" xfId="2" applyNumberFormat="1" applyFont="1" applyBorder="1" applyAlignment="1">
      <alignment horizontal="right" vertical="center"/>
    </xf>
    <xf numFmtId="0" fontId="19" fillId="0" borderId="134" xfId="2" applyFont="1" applyBorder="1" applyAlignment="1" applyProtection="1">
      <alignment horizontal="left" vertical="center" indent="1"/>
      <protection locked="0"/>
    </xf>
    <xf numFmtId="168" fontId="19" fillId="0" borderId="101" xfId="2" applyNumberFormat="1" applyFont="1" applyBorder="1" applyAlignment="1">
      <alignment horizontal="right" vertical="center"/>
    </xf>
    <xf numFmtId="0" fontId="6" fillId="0" borderId="134" xfId="2" applyFont="1" applyBorder="1" applyAlignment="1" applyProtection="1">
      <alignment horizontal="left" vertical="center" indent="2"/>
      <protection locked="0"/>
    </xf>
    <xf numFmtId="0" fontId="20" fillId="0" borderId="134" xfId="2" applyFont="1" applyBorder="1" applyAlignment="1" applyProtection="1">
      <alignment horizontal="left" vertical="center"/>
      <protection locked="0"/>
    </xf>
    <xf numFmtId="164" fontId="19" fillId="0" borderId="101" xfId="2" applyNumberFormat="1" applyFont="1" applyBorder="1" applyAlignment="1">
      <alignment horizontal="right" vertical="center"/>
    </xf>
    <xf numFmtId="168" fontId="19" fillId="0" borderId="101" xfId="2" quotePrefix="1" applyNumberFormat="1" applyFont="1" applyBorder="1" applyAlignment="1">
      <alignment horizontal="right" vertical="center"/>
    </xf>
    <xf numFmtId="168" fontId="19" fillId="0" borderId="101" xfId="2" quotePrefix="1" applyNumberFormat="1" applyFont="1" applyBorder="1" applyAlignment="1">
      <alignment vertical="center"/>
    </xf>
    <xf numFmtId="176" fontId="19" fillId="0" borderId="101" xfId="2" applyNumberFormat="1" applyFont="1" applyBorder="1" applyAlignment="1">
      <alignment horizontal="right" vertical="center"/>
    </xf>
    <xf numFmtId="176" fontId="19" fillId="0" borderId="101" xfId="2" applyNumberFormat="1" applyFont="1" applyBorder="1" applyAlignment="1">
      <alignment vertical="center"/>
    </xf>
    <xf numFmtId="164" fontId="6" fillId="0" borderId="135" xfId="2" applyNumberFormat="1" applyFont="1" applyBorder="1"/>
    <xf numFmtId="164" fontId="6" fillId="10" borderId="135" xfId="2" applyNumberFormat="1" applyFont="1" applyFill="1" applyBorder="1"/>
    <xf numFmtId="0" fontId="19" fillId="0" borderId="137" xfId="2" applyFont="1" applyBorder="1" applyAlignment="1" applyProtection="1">
      <alignment horizontal="left" vertical="center" indent="1"/>
      <protection locked="0"/>
    </xf>
    <xf numFmtId="168" fontId="19" fillId="0" borderId="105" xfId="2" applyNumberFormat="1" applyFont="1" applyBorder="1" applyAlignment="1">
      <alignment horizontal="right" vertical="center"/>
    </xf>
    <xf numFmtId="164" fontId="6" fillId="10" borderId="138" xfId="2" applyNumberFormat="1" applyFont="1" applyFill="1" applyBorder="1"/>
    <xf numFmtId="0" fontId="0" fillId="0" borderId="13" xfId="2" applyFont="1" applyBorder="1" applyProtection="1">
      <protection locked="0"/>
    </xf>
    <xf numFmtId="176" fontId="52" fillId="0" borderId="13" xfId="2" applyNumberFormat="1" applyFont="1" applyBorder="1" applyAlignment="1" applyProtection="1">
      <alignment vertical="center"/>
      <protection locked="0"/>
    </xf>
    <xf numFmtId="176" fontId="34" fillId="0" borderId="13" xfId="2" applyNumberFormat="1" applyFont="1" applyBorder="1" applyProtection="1">
      <protection locked="0"/>
    </xf>
    <xf numFmtId="0" fontId="35" fillId="0" borderId="0" xfId="2" quotePrefix="1" applyFont="1" applyAlignment="1" applyProtection="1">
      <alignment horizontal="left" vertical="center"/>
      <protection locked="0"/>
    </xf>
    <xf numFmtId="0" fontId="35" fillId="0" borderId="0" xfId="2" applyFont="1" applyAlignment="1" applyProtection="1">
      <alignment horizontal="left" vertical="center"/>
      <protection locked="0"/>
    </xf>
    <xf numFmtId="11" fontId="17" fillId="11" borderId="140" xfId="2" applyNumberFormat="1" applyFont="1" applyFill="1" applyBorder="1" applyAlignment="1" applyProtection="1">
      <alignment vertical="center" wrapText="1"/>
      <protection locked="0"/>
    </xf>
    <xf numFmtId="11" fontId="17" fillId="0" borderId="140" xfId="2" applyNumberFormat="1" applyFont="1" applyBorder="1" applyAlignment="1" applyProtection="1">
      <alignment vertical="center" wrapText="1"/>
      <protection locked="0"/>
    </xf>
    <xf numFmtId="11" fontId="43" fillId="0" borderId="141" xfId="2" applyNumberFormat="1" applyFont="1" applyBorder="1" applyAlignment="1" applyProtection="1">
      <alignment horizontal="right" vertical="center"/>
      <protection locked="0"/>
    </xf>
    <xf numFmtId="11" fontId="6" fillId="0" borderId="140" xfId="2" applyNumberFormat="1" applyFont="1" applyBorder="1" applyAlignment="1" applyProtection="1">
      <alignment horizontal="right" vertical="center"/>
      <protection locked="0"/>
    </xf>
    <xf numFmtId="11" fontId="6" fillId="0" borderId="16" xfId="2" applyNumberFormat="1" applyFont="1" applyBorder="1" applyAlignment="1">
      <alignment horizontal="right" vertical="center"/>
    </xf>
    <xf numFmtId="11" fontId="6" fillId="0" borderId="141" xfId="2" applyNumberFormat="1" applyFont="1" applyBorder="1" applyAlignment="1">
      <alignment horizontal="right" vertical="center"/>
    </xf>
    <xf numFmtId="11" fontId="6" fillId="0" borderId="14" xfId="2" applyNumberFormat="1" applyFont="1" applyBorder="1" applyAlignment="1">
      <alignment horizontal="right" vertical="center"/>
    </xf>
    <xf numFmtId="11" fontId="6" fillId="0" borderId="142" xfId="2" applyNumberFormat="1" applyFont="1" applyBorder="1" applyAlignment="1">
      <alignment horizontal="right" vertical="center"/>
    </xf>
    <xf numFmtId="0" fontId="6" fillId="0" borderId="142" xfId="2" applyFont="1" applyBorder="1" applyAlignment="1" applyProtection="1">
      <alignment vertical="center"/>
      <protection locked="0"/>
    </xf>
    <xf numFmtId="0" fontId="6" fillId="0" borderId="143" xfId="2" applyFont="1" applyBorder="1" applyAlignment="1" applyProtection="1">
      <alignment vertical="center"/>
      <protection locked="0"/>
    </xf>
    <xf numFmtId="0" fontId="6" fillId="0" borderId="141" xfId="2" applyFont="1" applyBorder="1" applyAlignment="1">
      <alignment vertical="center"/>
    </xf>
    <xf numFmtId="11" fontId="43" fillId="0" borderId="145" xfId="2" applyNumberFormat="1" applyFont="1" applyBorder="1" applyAlignment="1" applyProtection="1">
      <alignment horizontal="right" vertical="center"/>
      <protection locked="0"/>
    </xf>
    <xf numFmtId="11" fontId="6" fillId="0" borderId="144" xfId="2" applyNumberFormat="1" applyFont="1" applyBorder="1" applyAlignment="1" applyProtection="1">
      <alignment horizontal="right" vertical="center"/>
      <protection locked="0"/>
    </xf>
    <xf numFmtId="11" fontId="43" fillId="0" borderId="146" xfId="2" applyNumberFormat="1" applyFont="1" applyBorder="1" applyAlignment="1">
      <alignment horizontal="right" vertical="center"/>
    </xf>
    <xf numFmtId="11" fontId="43" fillId="0" borderId="145" xfId="2" applyNumberFormat="1" applyFont="1" applyBorder="1" applyAlignment="1">
      <alignment horizontal="right" vertical="center"/>
    </xf>
    <xf numFmtId="11" fontId="43" fillId="0" borderId="18" xfId="2" applyNumberFormat="1" applyFont="1" applyBorder="1" applyAlignment="1">
      <alignment horizontal="right" vertical="center"/>
    </xf>
    <xf numFmtId="11" fontId="43" fillId="0" borderId="147" xfId="2" applyNumberFormat="1" applyFont="1" applyBorder="1" applyAlignment="1">
      <alignment horizontal="right" vertical="center"/>
    </xf>
    <xf numFmtId="0" fontId="43" fillId="0" borderId="147" xfId="2" applyFont="1" applyBorder="1" applyAlignment="1" applyProtection="1">
      <alignment vertical="center"/>
      <protection locked="0"/>
    </xf>
    <xf numFmtId="0" fontId="43" fillId="0" borderId="148" xfId="2" applyFont="1" applyBorder="1" applyAlignment="1" applyProtection="1">
      <alignment vertical="center"/>
      <protection locked="0"/>
    </xf>
    <xf numFmtId="0" fontId="43" fillId="0" borderId="145" xfId="2" applyFont="1" applyBorder="1" applyAlignment="1">
      <alignment vertical="center"/>
    </xf>
    <xf numFmtId="0" fontId="6" fillId="0" borderId="149" xfId="2" applyFont="1" applyBorder="1" applyAlignment="1" applyProtection="1">
      <alignment vertical="center"/>
      <protection locked="0"/>
    </xf>
    <xf numFmtId="0" fontId="6" fillId="0" borderId="150" xfId="2" applyFont="1" applyBorder="1" applyAlignment="1" applyProtection="1">
      <alignment vertical="center"/>
      <protection locked="0"/>
    </xf>
    <xf numFmtId="0" fontId="6" fillId="0" borderId="151" xfId="2" applyFont="1" applyBorder="1" applyAlignment="1" applyProtection="1">
      <alignment horizontal="left" vertical="center" indent="1"/>
      <protection locked="0"/>
    </xf>
    <xf numFmtId="168" fontId="43" fillId="0" borderId="75" xfId="2" applyNumberFormat="1" applyFont="1" applyBorder="1" applyAlignment="1" applyProtection="1">
      <alignment horizontal="right" vertical="center"/>
      <protection locked="0"/>
    </xf>
    <xf numFmtId="168" fontId="6" fillId="0" borderId="152" xfId="2" applyNumberFormat="1" applyFont="1" applyBorder="1" applyAlignment="1">
      <alignment vertical="center"/>
    </xf>
    <xf numFmtId="168" fontId="6" fillId="0" borderId="75" xfId="2" applyNumberFormat="1" applyFont="1" applyBorder="1" applyAlignment="1">
      <alignment vertical="center"/>
    </xf>
    <xf numFmtId="168" fontId="6" fillId="0" borderId="153" xfId="2" applyNumberFormat="1" applyFont="1" applyBorder="1" applyAlignment="1">
      <alignment vertical="center"/>
    </xf>
    <xf numFmtId="168" fontId="6" fillId="0" borderId="152" xfId="2" applyNumberFormat="1" applyFont="1" applyBorder="1" applyAlignment="1" applyProtection="1">
      <alignment vertical="center"/>
      <protection locked="0"/>
    </xf>
    <xf numFmtId="168" fontId="6" fillId="0" borderId="153" xfId="2" applyNumberFormat="1" applyFont="1" applyBorder="1" applyAlignment="1" applyProtection="1">
      <alignment vertical="center"/>
      <protection locked="0"/>
    </xf>
    <xf numFmtId="0" fontId="43" fillId="0" borderId="154" xfId="2" applyFont="1" applyBorder="1" applyAlignment="1" applyProtection="1">
      <alignment vertical="center"/>
      <protection locked="0"/>
    </xf>
    <xf numFmtId="168" fontId="6" fillId="0" borderId="155" xfId="2" applyNumberFormat="1" applyFont="1" applyBorder="1" applyAlignment="1">
      <alignment vertical="center"/>
    </xf>
    <xf numFmtId="168" fontId="6" fillId="0" borderId="156" xfId="2" applyNumberFormat="1" applyFont="1" applyBorder="1" applyAlignment="1">
      <alignment vertical="center"/>
    </xf>
    <xf numFmtId="0" fontId="6" fillId="0" borderId="154" xfId="2" applyFont="1" applyBorder="1" applyAlignment="1" applyProtection="1">
      <alignment vertical="center"/>
      <protection locked="0"/>
    </xf>
    <xf numFmtId="0" fontId="6" fillId="0" borderId="157" xfId="2" applyFont="1" applyBorder="1" applyAlignment="1" applyProtection="1">
      <alignment vertical="center"/>
      <protection locked="0"/>
    </xf>
    <xf numFmtId="168" fontId="43" fillId="0" borderId="158" xfId="2" applyNumberFormat="1" applyFont="1" applyBorder="1" applyAlignment="1" applyProtection="1">
      <alignment horizontal="right" vertical="center"/>
      <protection locked="0"/>
    </xf>
    <xf numFmtId="168" fontId="6" fillId="0" borderId="157" xfId="2" applyNumberFormat="1" applyFont="1" applyBorder="1" applyAlignment="1">
      <alignment horizontal="right" vertical="center"/>
    </xf>
    <xf numFmtId="168" fontId="6" fillId="0" borderId="159" xfId="2" applyNumberFormat="1" applyFont="1" applyBorder="1" applyAlignment="1">
      <alignment vertical="center"/>
    </xf>
    <xf numFmtId="168" fontId="6" fillId="0" borderId="158" xfId="2" applyNumberFormat="1" applyFont="1" applyBorder="1" applyAlignment="1">
      <alignment vertical="center"/>
    </xf>
    <xf numFmtId="168" fontId="6" fillId="0" borderId="157" xfId="2" applyNumberFormat="1" applyFont="1" applyBorder="1" applyAlignment="1">
      <alignment vertical="center"/>
    </xf>
    <xf numFmtId="168" fontId="6" fillId="0" borderId="159" xfId="2" applyNumberFormat="1" applyFont="1" applyBorder="1" applyAlignment="1" applyProtection="1">
      <alignment vertical="center"/>
      <protection locked="0"/>
    </xf>
    <xf numFmtId="168" fontId="6" fillId="0" borderId="157" xfId="2" applyNumberFormat="1" applyFont="1" applyBorder="1" applyAlignment="1" applyProtection="1">
      <alignment vertical="center"/>
      <protection locked="0"/>
    </xf>
    <xf numFmtId="0" fontId="43" fillId="0" borderId="160" xfId="2" applyFont="1" applyBorder="1" applyAlignment="1" applyProtection="1">
      <alignment vertical="center"/>
      <protection locked="0"/>
    </xf>
    <xf numFmtId="0" fontId="6" fillId="0" borderId="160" xfId="2" applyFont="1" applyBorder="1" applyAlignment="1" applyProtection="1">
      <alignment vertical="center"/>
      <protection locked="0"/>
    </xf>
    <xf numFmtId="0" fontId="6" fillId="0" borderId="153" xfId="2" applyFont="1" applyBorder="1" applyAlignment="1" applyProtection="1">
      <alignment horizontal="left" vertical="center" indent="1"/>
      <protection locked="0"/>
    </xf>
    <xf numFmtId="168" fontId="6" fillId="0" borderId="153" xfId="2" applyNumberFormat="1" applyFont="1" applyBorder="1" applyAlignment="1">
      <alignment horizontal="right" vertical="center"/>
    </xf>
    <xf numFmtId="168" fontId="6" fillId="0" borderId="152" xfId="2" applyNumberFormat="1" applyFont="1" applyBorder="1" applyAlignment="1">
      <alignment horizontal="right" vertical="center"/>
    </xf>
    <xf numFmtId="168" fontId="6" fillId="0" borderId="75" xfId="2" applyNumberFormat="1" applyFont="1" applyBorder="1" applyAlignment="1">
      <alignment horizontal="right" vertical="center"/>
    </xf>
    <xf numFmtId="168" fontId="6" fillId="0" borderId="152" xfId="2" applyNumberFormat="1" applyFont="1" applyBorder="1" applyAlignment="1" applyProtection="1">
      <alignment horizontal="right" vertical="center"/>
      <protection locked="0"/>
    </xf>
    <xf numFmtId="168" fontId="6" fillId="0" borderId="153" xfId="2" applyNumberFormat="1" applyFont="1" applyBorder="1" applyAlignment="1" applyProtection="1">
      <alignment horizontal="right" vertical="center"/>
      <protection locked="0"/>
    </xf>
    <xf numFmtId="0" fontId="6" fillId="0" borderId="161" xfId="2" applyFont="1" applyBorder="1" applyAlignment="1" applyProtection="1">
      <alignment horizontal="left" vertical="center" indent="1"/>
      <protection locked="0"/>
    </xf>
    <xf numFmtId="168" fontId="6" fillId="0" borderId="162" xfId="2" applyNumberFormat="1" applyFont="1" applyBorder="1" applyAlignment="1">
      <alignment vertical="center"/>
    </xf>
    <xf numFmtId="168" fontId="6" fillId="0" borderId="163" xfId="2" applyNumberFormat="1" applyFont="1" applyBorder="1" applyAlignment="1">
      <alignment vertical="center"/>
    </xf>
    <xf numFmtId="0" fontId="43" fillId="0" borderId="161" xfId="2" applyFont="1" applyBorder="1" applyAlignment="1" applyProtection="1">
      <alignment horizontal="left" vertical="center"/>
      <protection locked="0"/>
    </xf>
    <xf numFmtId="0" fontId="6" fillId="0" borderId="161" xfId="2" applyFont="1" applyBorder="1" applyAlignment="1" applyProtection="1">
      <alignment horizontal="left" vertical="center"/>
      <protection locked="0"/>
    </xf>
    <xf numFmtId="168" fontId="43" fillId="0" borderId="164" xfId="2" applyNumberFormat="1" applyFont="1" applyBorder="1" applyAlignment="1" applyProtection="1">
      <alignment horizontal="right" vertical="center"/>
      <protection locked="0"/>
    </xf>
    <xf numFmtId="0" fontId="6" fillId="0" borderId="165" xfId="2" applyFont="1" applyBorder="1" applyAlignment="1" applyProtection="1">
      <alignment horizontal="left" vertical="center"/>
      <protection locked="0"/>
    </xf>
    <xf numFmtId="168" fontId="43" fillId="0" borderId="166" xfId="2" applyNumberFormat="1" applyFont="1" applyBorder="1" applyAlignment="1" applyProtection="1">
      <alignment horizontal="right" vertical="center"/>
      <protection locked="0"/>
    </xf>
    <xf numFmtId="168" fontId="6" fillId="0" borderId="165" xfId="2" applyNumberFormat="1" applyFont="1" applyBorder="1" applyAlignment="1">
      <alignment horizontal="right" vertical="center"/>
    </xf>
    <xf numFmtId="168" fontId="6" fillId="0" borderId="167" xfId="2" applyNumberFormat="1" applyFont="1" applyBorder="1" applyAlignment="1">
      <alignment horizontal="right" vertical="center"/>
    </xf>
    <xf numFmtId="168" fontId="6" fillId="0" borderId="164" xfId="2" applyNumberFormat="1" applyFont="1" applyBorder="1" applyAlignment="1">
      <alignment horizontal="right" vertical="center"/>
    </xf>
    <xf numFmtId="168" fontId="6" fillId="0" borderId="167" xfId="2" applyNumberFormat="1" applyFont="1" applyBorder="1" applyAlignment="1" applyProtection="1">
      <alignment horizontal="right" vertical="center"/>
      <protection locked="0"/>
    </xf>
    <xf numFmtId="168" fontId="6" fillId="0" borderId="165" xfId="2" applyNumberFormat="1" applyFont="1" applyBorder="1" applyAlignment="1" applyProtection="1">
      <alignment horizontal="right" vertical="center"/>
      <protection locked="0"/>
    </xf>
    <xf numFmtId="168" fontId="6" fillId="0" borderId="164" xfId="2" applyNumberFormat="1" applyFont="1" applyBorder="1" applyAlignment="1">
      <alignment vertical="center"/>
    </xf>
    <xf numFmtId="0" fontId="6" fillId="0" borderId="168" xfId="2" applyFont="1" applyBorder="1" applyAlignment="1" applyProtection="1">
      <alignment horizontal="left" vertical="center"/>
      <protection locked="0"/>
    </xf>
    <xf numFmtId="168" fontId="6" fillId="0" borderId="156" xfId="2" applyNumberFormat="1" applyFont="1" applyBorder="1" applyAlignment="1" applyProtection="1">
      <alignment horizontal="right" vertical="center"/>
      <protection locked="0"/>
    </xf>
    <xf numFmtId="0" fontId="43" fillId="0" borderId="169" xfId="2" applyFont="1" applyBorder="1" applyAlignment="1" applyProtection="1">
      <alignment horizontal="left" vertical="center"/>
      <protection locked="0"/>
    </xf>
    <xf numFmtId="168" fontId="43" fillId="0" borderId="170" xfId="2" applyNumberFormat="1" applyFont="1" applyBorder="1" applyAlignment="1" applyProtection="1">
      <alignment horizontal="right" vertical="center"/>
      <protection locked="0"/>
    </xf>
    <xf numFmtId="168" fontId="6" fillId="0" borderId="171" xfId="2" applyNumberFormat="1" applyFont="1" applyBorder="1" applyAlignment="1">
      <alignment horizontal="right" vertical="center"/>
    </xf>
    <xf numFmtId="168" fontId="6" fillId="0" borderId="172" xfId="2" applyNumberFormat="1" applyFont="1" applyBorder="1" applyAlignment="1">
      <alignment horizontal="right" vertical="center"/>
    </xf>
    <xf numFmtId="168" fontId="6" fillId="0" borderId="170" xfId="2" applyNumberFormat="1" applyFont="1" applyBorder="1" applyAlignment="1">
      <alignment horizontal="right" vertical="center"/>
    </xf>
    <xf numFmtId="168" fontId="6" fillId="0" borderId="172" xfId="2" applyNumberFormat="1" applyFont="1" applyBorder="1" applyAlignment="1" applyProtection="1">
      <alignment horizontal="right" vertical="center"/>
      <protection locked="0"/>
    </xf>
    <xf numFmtId="168" fontId="6" fillId="0" borderId="171" xfId="2" applyNumberFormat="1" applyFont="1" applyBorder="1" applyAlignment="1" applyProtection="1">
      <alignment horizontal="right" vertical="center"/>
      <protection locked="0"/>
    </xf>
    <xf numFmtId="168" fontId="6" fillId="0" borderId="170" xfId="2" applyNumberFormat="1" applyFont="1" applyBorder="1" applyAlignment="1">
      <alignment vertical="center"/>
    </xf>
    <xf numFmtId="11" fontId="17" fillId="0" borderId="140" xfId="2" applyNumberFormat="1" applyFont="1" applyBorder="1" applyAlignment="1" applyProtection="1">
      <alignment vertical="center"/>
      <protection locked="0"/>
    </xf>
    <xf numFmtId="11" fontId="19" fillId="0" borderId="16" xfId="2" applyNumberFormat="1" applyFont="1" applyBorder="1" applyAlignment="1">
      <alignment horizontal="right" vertical="center"/>
    </xf>
    <xf numFmtId="11" fontId="19" fillId="0" borderId="14" xfId="2" applyNumberFormat="1" applyFont="1" applyBorder="1" applyAlignment="1">
      <alignment horizontal="right" vertical="center"/>
    </xf>
    <xf numFmtId="0" fontId="6" fillId="0" borderId="173" xfId="2" applyFont="1" applyBorder="1" applyAlignment="1" applyProtection="1">
      <alignment vertical="center"/>
      <protection locked="0"/>
    </xf>
    <xf numFmtId="169" fontId="43" fillId="0" borderId="174" xfId="2" applyNumberFormat="1" applyFont="1" applyBorder="1" applyAlignment="1" applyProtection="1">
      <alignment vertical="center"/>
      <protection locked="0"/>
    </xf>
    <xf numFmtId="169" fontId="6" fillId="0" borderId="173" xfId="2" applyNumberFormat="1" applyFont="1" applyBorder="1" applyAlignment="1">
      <alignment horizontal="right" vertical="center"/>
    </xf>
    <xf numFmtId="169" fontId="6" fillId="0" borderId="175" xfId="2" applyNumberFormat="1" applyFont="1" applyBorder="1" applyAlignment="1">
      <alignment vertical="center"/>
    </xf>
    <xf numFmtId="169" fontId="6" fillId="0" borderId="174" xfId="2" applyNumberFormat="1" applyFont="1" applyBorder="1" applyAlignment="1">
      <alignment vertical="center"/>
    </xf>
    <xf numFmtId="169" fontId="6" fillId="0" borderId="173" xfId="2" applyNumberFormat="1" applyFont="1" applyBorder="1" applyAlignment="1">
      <alignment vertical="center"/>
    </xf>
    <xf numFmtId="169" fontId="6" fillId="0" borderId="175" xfId="2" applyNumberFormat="1" applyFont="1" applyBorder="1" applyAlignment="1" applyProtection="1">
      <alignment vertical="center"/>
      <protection locked="0"/>
    </xf>
    <xf numFmtId="169" fontId="6" fillId="0" borderId="173" xfId="2" applyNumberFormat="1" applyFont="1" applyBorder="1" applyAlignment="1" applyProtection="1">
      <alignment vertical="center"/>
      <protection locked="0"/>
    </xf>
    <xf numFmtId="0" fontId="43" fillId="0" borderId="163" xfId="2" applyFont="1" applyBorder="1" applyAlignment="1" applyProtection="1">
      <alignment vertical="center"/>
      <protection locked="0"/>
    </xf>
    <xf numFmtId="173" fontId="43" fillId="0" borderId="77" xfId="2" applyNumberFormat="1" applyFont="1" applyBorder="1" applyAlignment="1" applyProtection="1">
      <alignment horizontal="right" vertical="center"/>
      <protection locked="0"/>
    </xf>
    <xf numFmtId="173" fontId="6" fillId="0" borderId="163" xfId="2" applyNumberFormat="1" applyFont="1" applyBorder="1" applyAlignment="1">
      <alignment horizontal="right" vertical="center"/>
    </xf>
    <xf numFmtId="173" fontId="6" fillId="0" borderId="162" xfId="2" applyNumberFormat="1" applyFont="1" applyBorder="1" applyAlignment="1">
      <alignment vertical="center"/>
    </xf>
    <xf numFmtId="173" fontId="6" fillId="0" borderId="77" xfId="2" applyNumberFormat="1" applyFont="1" applyBorder="1" applyAlignment="1">
      <alignment vertical="center"/>
    </xf>
    <xf numFmtId="173" fontId="6" fillId="0" borderId="163" xfId="2" applyNumberFormat="1" applyFont="1" applyBorder="1" applyAlignment="1">
      <alignment vertical="center"/>
    </xf>
    <xf numFmtId="173" fontId="6" fillId="0" borderId="162" xfId="2" applyNumberFormat="1" applyFont="1" applyBorder="1" applyAlignment="1" applyProtection="1">
      <alignment horizontal="right" vertical="center"/>
      <protection locked="0"/>
    </xf>
    <xf numFmtId="173" fontId="6" fillId="0" borderId="163" xfId="2" applyNumberFormat="1" applyFont="1" applyBorder="1" applyAlignment="1" applyProtection="1">
      <alignment horizontal="right" vertical="center"/>
      <protection locked="0"/>
    </xf>
    <xf numFmtId="0" fontId="6" fillId="0" borderId="163" xfId="2" applyFont="1" applyBorder="1" applyAlignment="1" applyProtection="1">
      <alignment horizontal="left" vertical="center" indent="1"/>
      <protection locked="0"/>
    </xf>
    <xf numFmtId="171" fontId="43" fillId="0" borderId="77" xfId="2" applyNumberFormat="1" applyFont="1" applyBorder="1" applyAlignment="1" applyProtection="1">
      <alignment horizontal="right" vertical="center"/>
      <protection locked="0"/>
    </xf>
    <xf numFmtId="171" fontId="6" fillId="0" borderId="163" xfId="2" applyNumberFormat="1" applyFont="1" applyBorder="1" applyAlignment="1">
      <alignment horizontal="right" vertical="center"/>
    </xf>
    <xf numFmtId="171" fontId="6" fillId="0" borderId="162" xfId="2" applyNumberFormat="1" applyFont="1" applyBorder="1" applyAlignment="1">
      <alignment vertical="center"/>
    </xf>
    <xf numFmtId="171" fontId="6" fillId="0" borderId="77" xfId="2" applyNumberFormat="1" applyFont="1" applyBorder="1" applyAlignment="1">
      <alignment vertical="center"/>
    </xf>
    <xf numFmtId="171" fontId="6" fillId="0" borderId="163" xfId="2" applyNumberFormat="1" applyFont="1" applyBorder="1" applyAlignment="1">
      <alignment vertical="center"/>
    </xf>
    <xf numFmtId="171" fontId="6" fillId="0" borderId="162" xfId="2" applyNumberFormat="1" applyFont="1" applyBorder="1" applyAlignment="1" applyProtection="1">
      <alignment horizontal="right" vertical="center"/>
      <protection locked="0"/>
    </xf>
    <xf numFmtId="171" fontId="6" fillId="0" borderId="163" xfId="2" applyNumberFormat="1" applyFont="1" applyBorder="1" applyAlignment="1" applyProtection="1">
      <alignment horizontal="right" vertical="center"/>
      <protection locked="0"/>
    </xf>
    <xf numFmtId="169" fontId="6" fillId="0" borderId="162" xfId="2" applyNumberFormat="1" applyFont="1" applyBorder="1" applyAlignment="1">
      <alignment vertical="center"/>
    </xf>
    <xf numFmtId="169" fontId="6" fillId="0" borderId="163" xfId="2" applyNumberFormat="1" applyFont="1" applyBorder="1" applyAlignment="1">
      <alignment vertical="center"/>
    </xf>
    <xf numFmtId="169" fontId="6" fillId="0" borderId="162" xfId="2" applyNumberFormat="1" applyFont="1" applyBorder="1" applyAlignment="1">
      <alignment horizontal="right" vertical="center"/>
    </xf>
    <xf numFmtId="169" fontId="6" fillId="0" borderId="163" xfId="2" applyNumberFormat="1" applyFont="1" applyBorder="1" applyAlignment="1">
      <alignment horizontal="right" vertical="center"/>
    </xf>
    <xf numFmtId="169" fontId="6" fillId="0" borderId="162" xfId="2" applyNumberFormat="1" applyFont="1" applyBorder="1" applyAlignment="1" applyProtection="1">
      <alignment horizontal="right" vertical="center"/>
      <protection locked="0"/>
    </xf>
    <xf numFmtId="169" fontId="6" fillId="0" borderId="163" xfId="2" applyNumberFormat="1" applyFont="1" applyBorder="1" applyAlignment="1" applyProtection="1">
      <alignment horizontal="right" vertical="center"/>
      <protection locked="0"/>
    </xf>
    <xf numFmtId="0" fontId="19" fillId="0" borderId="173" xfId="2" applyFont="1" applyBorder="1" applyAlignment="1" applyProtection="1">
      <alignment vertical="center"/>
      <protection locked="0"/>
    </xf>
    <xf numFmtId="171" fontId="43" fillId="0" borderId="174" xfId="2" applyNumberFormat="1" applyFont="1" applyBorder="1" applyAlignment="1" applyProtection="1">
      <alignment horizontal="right" vertical="center"/>
      <protection locked="0"/>
    </xf>
    <xf numFmtId="171" fontId="6" fillId="0" borderId="173" xfId="2" applyNumberFormat="1" applyFont="1" applyBorder="1" applyAlignment="1">
      <alignment horizontal="right" vertical="center"/>
    </xf>
    <xf numFmtId="171" fontId="6" fillId="0" borderId="175" xfId="2" applyNumberFormat="1" applyFont="1" applyBorder="1" applyAlignment="1">
      <alignment horizontal="right" vertical="center"/>
    </xf>
    <xf numFmtId="171" fontId="6" fillId="0" borderId="174" xfId="2" applyNumberFormat="1" applyFont="1" applyBorder="1" applyAlignment="1">
      <alignment vertical="center"/>
    </xf>
    <xf numFmtId="171" fontId="6" fillId="0" borderId="173" xfId="2" applyNumberFormat="1" applyFont="1" applyBorder="1" applyAlignment="1">
      <alignment vertical="center"/>
    </xf>
    <xf numFmtId="171" fontId="6" fillId="0" borderId="175" xfId="2" applyNumberFormat="1" applyFont="1" applyBorder="1" applyAlignment="1">
      <alignment vertical="center"/>
    </xf>
    <xf numFmtId="171" fontId="6" fillId="0" borderId="28" xfId="2" applyNumberFormat="1" applyFont="1" applyBorder="1" applyAlignment="1" applyProtection="1">
      <alignment horizontal="right" vertical="center"/>
      <protection locked="0"/>
    </xf>
    <xf numFmtId="171" fontId="6" fillId="0" borderId="176" xfId="2" applyNumberFormat="1" applyFont="1" applyBorder="1" applyAlignment="1" applyProtection="1">
      <alignment horizontal="right" vertical="center"/>
      <protection locked="0"/>
    </xf>
    <xf numFmtId="171" fontId="19" fillId="0" borderId="174" xfId="2" applyNumberFormat="1" applyFont="1" applyBorder="1" applyAlignment="1">
      <alignment vertical="center"/>
    </xf>
    <xf numFmtId="0" fontId="19" fillId="0" borderId="177" xfId="2" applyFont="1" applyBorder="1" applyAlignment="1" applyProtection="1">
      <alignment vertical="center"/>
      <protection locked="0"/>
    </xf>
    <xf numFmtId="171" fontId="6" fillId="0" borderId="162" xfId="2" applyNumberFormat="1" applyFont="1" applyBorder="1" applyAlignment="1">
      <alignment horizontal="right" vertical="center"/>
    </xf>
    <xf numFmtId="171" fontId="19" fillId="0" borderId="162" xfId="2" applyNumberFormat="1" applyFont="1" applyBorder="1" applyAlignment="1">
      <alignment horizontal="right" vertical="center"/>
    </xf>
    <xf numFmtId="171" fontId="19" fillId="0" borderId="163" xfId="2" applyNumberFormat="1" applyFont="1" applyBorder="1" applyAlignment="1">
      <alignment vertical="center"/>
    </xf>
    <xf numFmtId="171" fontId="19" fillId="0" borderId="155" xfId="2" applyNumberFormat="1" applyFont="1" applyBorder="1" applyAlignment="1" applyProtection="1">
      <alignment horizontal="right" vertical="center"/>
      <protection locked="0"/>
    </xf>
    <xf numFmtId="171" fontId="19" fillId="0" borderId="156" xfId="2" applyNumberFormat="1" applyFont="1" applyBorder="1" applyAlignment="1" applyProtection="1">
      <alignment horizontal="right" vertical="center"/>
      <protection locked="0"/>
    </xf>
    <xf numFmtId="0" fontId="19" fillId="0" borderId="177" xfId="2" applyFont="1" applyBorder="1" applyAlignment="1" applyProtection="1">
      <alignment horizontal="left" vertical="center" indent="1"/>
      <protection locked="0"/>
    </xf>
    <xf numFmtId="0" fontId="19" fillId="0" borderId="178" xfId="2" applyFont="1" applyBorder="1" applyAlignment="1" applyProtection="1">
      <alignment vertical="center"/>
      <protection locked="0"/>
    </xf>
    <xf numFmtId="0" fontId="19" fillId="0" borderId="181" xfId="2" applyFont="1" applyBorder="1" applyAlignment="1" applyProtection="1">
      <alignment vertical="center"/>
      <protection locked="0"/>
    </xf>
    <xf numFmtId="0" fontId="20" fillId="0" borderId="181" xfId="2" applyFont="1" applyBorder="1" applyAlignment="1" applyProtection="1">
      <alignment vertical="center"/>
      <protection locked="0"/>
    </xf>
    <xf numFmtId="0" fontId="43" fillId="0" borderId="96" xfId="2" applyFont="1" applyBorder="1" applyAlignment="1" applyProtection="1">
      <alignment vertical="center"/>
      <protection locked="0"/>
    </xf>
    <xf numFmtId="168" fontId="43" fillId="0" borderId="182" xfId="2" applyNumberFormat="1" applyFont="1" applyBorder="1" applyAlignment="1" applyProtection="1">
      <alignment vertical="center"/>
      <protection locked="0"/>
    </xf>
    <xf numFmtId="168" fontId="6" fillId="0" borderId="96" xfId="2" applyNumberFormat="1" applyFont="1" applyBorder="1" applyAlignment="1">
      <alignment horizontal="right" vertical="center"/>
    </xf>
    <xf numFmtId="168" fontId="6" fillId="0" borderId="95" xfId="2" applyNumberFormat="1" applyFont="1" applyBorder="1" applyAlignment="1">
      <alignment vertical="center"/>
    </xf>
    <xf numFmtId="168" fontId="6" fillId="0" borderId="182" xfId="2" applyNumberFormat="1" applyFont="1" applyBorder="1" applyAlignment="1">
      <alignment vertical="center"/>
    </xf>
    <xf numFmtId="168" fontId="6" fillId="0" borderId="96" xfId="2" applyNumberFormat="1" applyFont="1" applyBorder="1" applyAlignment="1">
      <alignment vertical="center"/>
    </xf>
    <xf numFmtId="0" fontId="19" fillId="0" borderId="160" xfId="2" applyFont="1" applyBorder="1" applyAlignment="1" applyProtection="1">
      <alignment horizontal="left" vertical="center" indent="1"/>
      <protection locked="0"/>
    </xf>
    <xf numFmtId="168" fontId="19" fillId="0" borderId="100" xfId="2" applyNumberFormat="1" applyFont="1" applyBorder="1" applyAlignment="1">
      <alignment horizontal="right" vertical="center"/>
    </xf>
    <xf numFmtId="0" fontId="19" fillId="0" borderId="105" xfId="2" applyFont="1" applyBorder="1" applyAlignment="1" applyProtection="1">
      <alignment horizontal="left" vertical="center" indent="1"/>
      <protection locked="0"/>
    </xf>
    <xf numFmtId="168" fontId="20" fillId="0" borderId="106" xfId="2" applyNumberFormat="1" applyFont="1" applyBorder="1" applyAlignment="1" applyProtection="1">
      <alignment horizontal="right" vertical="center"/>
      <protection locked="0"/>
    </xf>
    <xf numFmtId="168" fontId="19" fillId="0" borderId="104" xfId="2" applyNumberFormat="1" applyFont="1" applyBorder="1" applyAlignment="1">
      <alignment horizontal="right" vertical="center"/>
    </xf>
    <xf numFmtId="168" fontId="19" fillId="0" borderId="106" xfId="2" applyNumberFormat="1" applyFont="1" applyBorder="1" applyAlignment="1">
      <alignment horizontal="right" vertical="center"/>
    </xf>
    <xf numFmtId="0" fontId="52" fillId="0" borderId="13" xfId="2" applyFont="1" applyBorder="1" applyAlignment="1" applyProtection="1">
      <alignment horizontal="left" vertical="center" indent="1"/>
      <protection locked="0"/>
    </xf>
    <xf numFmtId="176" fontId="52" fillId="0" borderId="13" xfId="2" applyNumberFormat="1" applyFont="1" applyBorder="1" applyAlignment="1" applyProtection="1">
      <alignment horizontal="right" vertical="center"/>
      <protection locked="0"/>
    </xf>
    <xf numFmtId="0" fontId="17" fillId="12" borderId="183" xfId="2" applyFont="1" applyFill="1" applyBorder="1" applyAlignment="1">
      <alignment vertical="center" wrapText="1"/>
    </xf>
    <xf numFmtId="0" fontId="44" fillId="0" borderId="183" xfId="2" applyFont="1" applyBorder="1" applyAlignment="1">
      <alignment vertical="center" wrapText="1"/>
    </xf>
    <xf numFmtId="0" fontId="43" fillId="0" borderId="184" xfId="2" applyFont="1" applyBorder="1" applyAlignment="1">
      <alignment horizontal="right" vertical="center"/>
    </xf>
    <xf numFmtId="0" fontId="6" fillId="0" borderId="185" xfId="2" applyFont="1" applyBorder="1" applyAlignment="1">
      <alignment horizontal="right" vertical="center"/>
    </xf>
    <xf numFmtId="0" fontId="6" fillId="0" borderId="186" xfId="2" applyFont="1" applyBorder="1" applyAlignment="1">
      <alignment horizontal="right" vertical="center"/>
    </xf>
    <xf numFmtId="0" fontId="6" fillId="0" borderId="184" xfId="2" applyFont="1" applyBorder="1" applyAlignment="1">
      <alignment horizontal="right" vertical="center"/>
    </xf>
    <xf numFmtId="0" fontId="6" fillId="0" borderId="187" xfId="2" applyFont="1" applyBorder="1" applyAlignment="1">
      <alignment horizontal="right" vertical="center"/>
    </xf>
    <xf numFmtId="0" fontId="6" fillId="0" borderId="188" xfId="2" applyFont="1" applyBorder="1" applyAlignment="1">
      <alignment horizontal="right" vertical="center"/>
    </xf>
    <xf numFmtId="170" fontId="6" fillId="0" borderId="184" xfId="2" applyNumberFormat="1" applyFont="1" applyBorder="1" applyAlignment="1">
      <alignment horizontal="right" vertical="center"/>
    </xf>
    <xf numFmtId="0" fontId="6" fillId="0" borderId="189" xfId="2" applyFont="1" applyBorder="1" applyAlignment="1">
      <alignment horizontal="right" vertical="center"/>
    </xf>
    <xf numFmtId="0" fontId="6" fillId="0" borderId="190" xfId="2" applyFont="1" applyBorder="1" applyAlignment="1">
      <alignment horizontal="right" vertical="center"/>
    </xf>
    <xf numFmtId="0" fontId="17" fillId="0" borderId="183" xfId="2" applyFont="1" applyBorder="1" applyAlignment="1" applyProtection="1">
      <alignment vertical="center" wrapText="1"/>
      <protection locked="0"/>
    </xf>
    <xf numFmtId="0" fontId="43" fillId="0" borderId="184" xfId="2" applyFont="1" applyBorder="1" applyAlignment="1" applyProtection="1">
      <alignment horizontal="right" vertical="center"/>
      <protection locked="0"/>
    </xf>
    <xf numFmtId="0" fontId="6" fillId="0" borderId="185" xfId="2" applyFont="1" applyBorder="1" applyAlignment="1" applyProtection="1">
      <alignment horizontal="right" vertical="center"/>
      <protection locked="0"/>
    </xf>
    <xf numFmtId="170" fontId="43" fillId="0" borderId="184" xfId="2" applyNumberFormat="1" applyFont="1" applyBorder="1" applyAlignment="1">
      <alignment horizontal="right" vertical="center"/>
    </xf>
    <xf numFmtId="0" fontId="6" fillId="0" borderId="191" xfId="2" applyFont="1" applyBorder="1" applyAlignment="1" applyProtection="1">
      <alignment vertical="center"/>
      <protection locked="0"/>
    </xf>
    <xf numFmtId="0" fontId="6" fillId="0" borderId="192" xfId="2" applyFont="1" applyBorder="1" applyAlignment="1" applyProtection="1">
      <alignment vertical="center"/>
      <protection locked="0"/>
    </xf>
    <xf numFmtId="0" fontId="43" fillId="0" borderId="192" xfId="2" applyFont="1" applyBorder="1" applyAlignment="1" applyProtection="1">
      <alignment vertical="center"/>
      <protection locked="0"/>
    </xf>
    <xf numFmtId="0" fontId="43" fillId="0" borderId="193" xfId="2" applyFont="1" applyBorder="1" applyAlignment="1" applyProtection="1">
      <alignment vertical="center"/>
      <protection locked="0"/>
    </xf>
    <xf numFmtId="0" fontId="17" fillId="0" borderId="183" xfId="2" applyFont="1" applyBorder="1" applyAlignment="1" applyProtection="1">
      <alignment vertical="center"/>
      <protection locked="0"/>
    </xf>
    <xf numFmtId="0" fontId="43" fillId="0" borderId="191" xfId="2" applyFont="1" applyBorder="1" applyAlignment="1" applyProtection="1">
      <alignment vertical="center"/>
      <protection locked="0"/>
    </xf>
    <xf numFmtId="0" fontId="23" fillId="0" borderId="0" xfId="2" applyFont="1" applyAlignment="1">
      <alignment horizontal="left" vertical="center"/>
    </xf>
    <xf numFmtId="0" fontId="44" fillId="13" borderId="195" xfId="2" applyFont="1" applyFill="1" applyBorder="1" applyAlignment="1">
      <alignment vertical="center"/>
    </xf>
    <xf numFmtId="0" fontId="44" fillId="0" borderId="195" xfId="2" applyFont="1" applyBorder="1" applyAlignment="1">
      <alignment vertical="center"/>
    </xf>
    <xf numFmtId="178" fontId="43" fillId="0" borderId="196" xfId="2" applyNumberFormat="1" applyFont="1" applyBorder="1" applyAlignment="1">
      <alignment horizontal="right" vertical="center"/>
    </xf>
    <xf numFmtId="178" fontId="6" fillId="0" borderId="14" xfId="2" applyNumberFormat="1" applyFont="1" applyBorder="1" applyAlignment="1">
      <alignment horizontal="right" vertical="center"/>
    </xf>
    <xf numFmtId="178" fontId="6" fillId="0" borderId="197" xfId="2" applyNumberFormat="1" applyFont="1" applyBorder="1" applyAlignment="1">
      <alignment horizontal="right" vertical="center"/>
    </xf>
    <xf numFmtId="178" fontId="6" fillId="0" borderId="196" xfId="2" applyNumberFormat="1" applyFont="1" applyBorder="1" applyAlignment="1">
      <alignment horizontal="right" vertical="center"/>
    </xf>
    <xf numFmtId="178" fontId="6" fillId="0" borderId="198" xfId="2" applyNumberFormat="1" applyFont="1" applyBorder="1" applyAlignment="1">
      <alignment horizontal="right" vertical="center"/>
    </xf>
    <xf numFmtId="178" fontId="6" fillId="0" borderId="198" xfId="2" applyNumberFormat="1" applyFont="1" applyBorder="1" applyAlignment="1">
      <alignment vertical="center"/>
    </xf>
    <xf numFmtId="178" fontId="6" fillId="0" borderId="199" xfId="2" applyNumberFormat="1" applyFont="1" applyBorder="1" applyAlignment="1">
      <alignment vertical="center"/>
    </xf>
    <xf numFmtId="178" fontId="6" fillId="0" borderId="196" xfId="2" applyNumberFormat="1" applyFont="1" applyBorder="1" applyAlignment="1">
      <alignment vertical="center"/>
    </xf>
    <xf numFmtId="0" fontId="43" fillId="0" borderId="200" xfId="2" applyFont="1" applyBorder="1" applyAlignment="1">
      <alignment horizontal="left" vertical="center" indent="2"/>
    </xf>
    <xf numFmtId="168" fontId="6" fillId="0" borderId="18" xfId="2" applyNumberFormat="1" applyFont="1" applyBorder="1" applyAlignment="1">
      <alignment horizontal="right" vertical="center"/>
    </xf>
    <xf numFmtId="168" fontId="6" fillId="0" borderId="18" xfId="2" applyNumberFormat="1" applyFont="1" applyBorder="1" applyAlignment="1">
      <alignment vertical="center"/>
    </xf>
    <xf numFmtId="0" fontId="43" fillId="0" borderId="201" xfId="2" applyFont="1" applyBorder="1" applyAlignment="1">
      <alignment horizontal="left" vertical="center" indent="2"/>
    </xf>
    <xf numFmtId="168" fontId="6" fillId="0" borderId="20" xfId="2" applyNumberFormat="1" applyFont="1" applyBorder="1" applyAlignment="1">
      <alignment horizontal="right" vertical="center"/>
    </xf>
    <xf numFmtId="168" fontId="6" fillId="0" borderId="20" xfId="2" applyNumberFormat="1" applyFont="1" applyBorder="1" applyAlignment="1">
      <alignment vertical="center"/>
    </xf>
    <xf numFmtId="0" fontId="43" fillId="0" borderId="201" xfId="2" applyFont="1" applyBorder="1" applyAlignment="1">
      <alignment horizontal="left" vertical="center" indent="1"/>
    </xf>
    <xf numFmtId="0" fontId="43" fillId="0" borderId="201" xfId="2" applyFont="1" applyBorder="1" applyAlignment="1">
      <alignment vertical="center"/>
    </xf>
    <xf numFmtId="179" fontId="6" fillId="0" borderId="20" xfId="2" applyNumberFormat="1" applyFont="1" applyBorder="1" applyAlignment="1">
      <alignment horizontal="right" vertical="center"/>
    </xf>
    <xf numFmtId="180" fontId="6" fillId="0" borderId="20" xfId="2" applyNumberFormat="1" applyFont="1" applyBorder="1" applyAlignment="1">
      <alignment vertical="center"/>
    </xf>
    <xf numFmtId="0" fontId="6" fillId="0" borderId="201" xfId="2" applyFont="1" applyBorder="1" applyAlignment="1">
      <alignment horizontal="left" vertical="center" indent="3"/>
    </xf>
    <xf numFmtId="0" fontId="43" fillId="0" borderId="201" xfId="2" applyFont="1" applyBorder="1" applyAlignment="1">
      <alignment horizontal="left" vertical="center"/>
    </xf>
    <xf numFmtId="0" fontId="6" fillId="0" borderId="201" xfId="2" applyFont="1" applyBorder="1" applyAlignment="1">
      <alignment horizontal="left" vertical="center" indent="1"/>
    </xf>
    <xf numFmtId="0" fontId="6" fillId="0" borderId="201" xfId="2" quotePrefix="1" applyFont="1" applyBorder="1" applyAlignment="1">
      <alignment horizontal="left" vertical="center" indent="1"/>
    </xf>
    <xf numFmtId="0" fontId="43" fillId="0" borderId="202" xfId="2" applyFont="1" applyBorder="1" applyAlignment="1">
      <alignment vertical="center"/>
    </xf>
    <xf numFmtId="168" fontId="6" fillId="0" borderId="25" xfId="2" applyNumberFormat="1" applyFont="1" applyBorder="1" applyAlignment="1">
      <alignment horizontal="right" vertical="center"/>
    </xf>
    <xf numFmtId="168" fontId="6" fillId="0" borderId="25" xfId="2" applyNumberFormat="1" applyFont="1" applyBorder="1" applyAlignment="1">
      <alignment vertical="center"/>
    </xf>
    <xf numFmtId="0" fontId="0" fillId="0" borderId="13" xfId="2" applyFont="1" applyBorder="1"/>
    <xf numFmtId="0" fontId="44" fillId="14" borderId="203" xfId="2" applyFont="1" applyFill="1" applyBorder="1" applyAlignment="1">
      <alignment vertical="center"/>
    </xf>
    <xf numFmtId="0" fontId="44" fillId="0" borderId="203" xfId="2" applyFont="1" applyBorder="1" applyAlignment="1">
      <alignment vertical="center"/>
    </xf>
    <xf numFmtId="0" fontId="43" fillId="0" borderId="204" xfId="2" applyFont="1" applyBorder="1" applyAlignment="1">
      <alignment horizontal="right" vertical="center"/>
    </xf>
    <xf numFmtId="0" fontId="6" fillId="0" borderId="205" xfId="2" applyFont="1" applyBorder="1" applyAlignment="1">
      <alignment horizontal="right" vertical="center"/>
    </xf>
    <xf numFmtId="0" fontId="6" fillId="0" borderId="206" xfId="2" applyFont="1" applyBorder="1" applyAlignment="1">
      <alignment horizontal="right" vertical="center"/>
    </xf>
    <xf numFmtId="0" fontId="6" fillId="0" borderId="204" xfId="2" applyFont="1" applyBorder="1" applyAlignment="1">
      <alignment horizontal="right" vertical="center"/>
    </xf>
    <xf numFmtId="0" fontId="6" fillId="0" borderId="207" xfId="2" applyFont="1" applyBorder="1" applyAlignment="1">
      <alignment horizontal="right" vertical="center"/>
    </xf>
    <xf numFmtId="170" fontId="6" fillId="0" borderId="206" xfId="2" applyNumberFormat="1" applyFont="1" applyBorder="1" applyAlignment="1">
      <alignment horizontal="right" vertical="center"/>
    </xf>
    <xf numFmtId="170" fontId="6" fillId="0" borderId="203" xfId="2" applyNumberFormat="1" applyFont="1" applyBorder="1" applyAlignment="1">
      <alignment horizontal="right" vertical="center"/>
    </xf>
    <xf numFmtId="170" fontId="6" fillId="0" borderId="204" xfId="2" applyNumberFormat="1" applyFont="1" applyBorder="1" applyAlignment="1">
      <alignment horizontal="right" vertical="center"/>
    </xf>
    <xf numFmtId="0" fontId="17" fillId="0" borderId="203" xfId="2" applyFont="1" applyBorder="1" applyAlignment="1">
      <alignment vertical="center"/>
    </xf>
    <xf numFmtId="0" fontId="43" fillId="0" borderId="206" xfId="2" applyFont="1" applyBorder="1" applyAlignment="1">
      <alignment horizontal="right" vertical="center"/>
    </xf>
    <xf numFmtId="0" fontId="43" fillId="0" borderId="14" xfId="2" applyFont="1" applyBorder="1" applyAlignment="1">
      <alignment horizontal="right" vertical="center"/>
    </xf>
    <xf numFmtId="170" fontId="43" fillId="0" borderId="207" xfId="2" applyNumberFormat="1" applyFont="1" applyBorder="1" applyAlignment="1">
      <alignment horizontal="right" vertical="center"/>
    </xf>
    <xf numFmtId="170" fontId="43" fillId="0" borderId="204" xfId="2" applyNumberFormat="1" applyFont="1" applyBorder="1" applyAlignment="1">
      <alignment horizontal="right" vertical="center"/>
    </xf>
    <xf numFmtId="170" fontId="43" fillId="0" borderId="206" xfId="2" applyNumberFormat="1" applyFont="1" applyBorder="1" applyAlignment="1">
      <alignment horizontal="right" vertical="center"/>
    </xf>
    <xf numFmtId="170" fontId="43" fillId="0" borderId="203" xfId="2" applyNumberFormat="1" applyFont="1" applyBorder="1" applyAlignment="1">
      <alignment horizontal="right" vertical="center"/>
    </xf>
    <xf numFmtId="0" fontId="6" fillId="0" borderId="208" xfId="2" applyFont="1" applyBorder="1" applyAlignment="1">
      <alignment vertical="center"/>
    </xf>
    <xf numFmtId="0" fontId="6" fillId="0" borderId="209" xfId="2" applyFont="1" applyBorder="1" applyAlignment="1">
      <alignment vertical="center"/>
    </xf>
    <xf numFmtId="0" fontId="6" fillId="0" borderId="209" xfId="2" applyFont="1" applyBorder="1" applyAlignment="1">
      <alignment horizontal="left" vertical="center" indent="1"/>
    </xf>
    <xf numFmtId="0" fontId="43" fillId="0" borderId="209" xfId="2" applyFont="1" applyBorder="1" applyAlignment="1">
      <alignment vertical="center"/>
    </xf>
    <xf numFmtId="164" fontId="6" fillId="0" borderId="20" xfId="2" applyNumberFormat="1" applyFont="1" applyBorder="1" applyAlignment="1">
      <alignment vertical="center"/>
    </xf>
    <xf numFmtId="0" fontId="6" fillId="0" borderId="25" xfId="2" applyFont="1" applyBorder="1" applyAlignment="1">
      <alignment vertical="center"/>
    </xf>
    <xf numFmtId="164" fontId="43" fillId="0" borderId="210" xfId="2" applyNumberFormat="1" applyFont="1" applyBorder="1" applyAlignment="1" applyProtection="1">
      <alignment horizontal="right" vertical="center"/>
      <protection locked="0"/>
    </xf>
    <xf numFmtId="164" fontId="6" fillId="0" borderId="25" xfId="2" applyNumberFormat="1" applyFont="1" applyBorder="1" applyAlignment="1">
      <alignment horizontal="right" vertical="center"/>
    </xf>
    <xf numFmtId="177" fontId="6" fillId="0" borderId="211" xfId="2" applyNumberFormat="1" applyFont="1" applyBorder="1" applyAlignment="1">
      <alignment vertical="center"/>
    </xf>
    <xf numFmtId="177" fontId="6" fillId="0" borderId="210" xfId="2" applyNumberFormat="1" applyFont="1" applyBorder="1" applyAlignment="1">
      <alignment vertical="center"/>
    </xf>
    <xf numFmtId="164" fontId="6" fillId="0" borderId="210" xfId="2" applyNumberFormat="1" applyFont="1" applyBorder="1" applyAlignment="1">
      <alignment vertical="center"/>
    </xf>
    <xf numFmtId="164" fontId="6" fillId="0" borderId="25" xfId="2" applyNumberFormat="1" applyFont="1" applyBorder="1" applyAlignment="1">
      <alignment vertical="center"/>
    </xf>
    <xf numFmtId="164" fontId="6" fillId="0" borderId="211" xfId="2" applyNumberFormat="1" applyFont="1" applyBorder="1" applyAlignment="1">
      <alignment vertical="center"/>
    </xf>
    <xf numFmtId="164" fontId="6" fillId="0" borderId="211" xfId="2" applyNumberFormat="1" applyFont="1" applyBorder="1" applyAlignment="1" applyProtection="1">
      <alignment vertical="center"/>
      <protection locked="0"/>
    </xf>
    <xf numFmtId="164" fontId="6" fillId="0" borderId="25" xfId="2" applyNumberFormat="1" applyFont="1" applyBorder="1" applyAlignment="1" applyProtection="1">
      <alignment vertical="center"/>
      <protection locked="0"/>
    </xf>
    <xf numFmtId="0" fontId="17" fillId="0" borderId="212" xfId="2" applyFont="1" applyBorder="1" applyAlignment="1">
      <alignment vertical="center"/>
    </xf>
    <xf numFmtId="172" fontId="6" fillId="0" borderId="14" xfId="2" applyNumberFormat="1" applyFont="1" applyBorder="1" applyAlignment="1">
      <alignment vertical="center"/>
    </xf>
    <xf numFmtId="0" fontId="6" fillId="0" borderId="18" xfId="2" applyFont="1" applyBorder="1" applyAlignment="1">
      <alignment horizontal="left" vertical="center" indent="1"/>
    </xf>
    <xf numFmtId="171" fontId="43" fillId="0" borderId="213" xfId="2" applyNumberFormat="1" applyFont="1" applyBorder="1" applyAlignment="1" applyProtection="1">
      <alignment horizontal="right" vertical="center"/>
      <protection locked="0"/>
    </xf>
    <xf numFmtId="171" fontId="6" fillId="0" borderId="18" xfId="2" applyNumberFormat="1" applyFont="1" applyBorder="1" applyAlignment="1">
      <alignment horizontal="right" vertical="center"/>
    </xf>
    <xf numFmtId="171" fontId="6" fillId="0" borderId="146" xfId="2" applyNumberFormat="1" applyFont="1" applyBorder="1" applyAlignment="1">
      <alignment vertical="center"/>
    </xf>
    <xf numFmtId="171" fontId="6" fillId="0" borderId="213" xfId="2" applyNumberFormat="1" applyFont="1" applyBorder="1" applyAlignment="1">
      <alignment vertical="center"/>
    </xf>
    <xf numFmtId="171" fontId="6" fillId="0" borderId="18" xfId="2" applyNumberFormat="1" applyFont="1" applyBorder="1" applyAlignment="1">
      <alignment vertical="center"/>
    </xf>
    <xf numFmtId="171" fontId="6" fillId="0" borderId="20" xfId="2" applyNumberFormat="1" applyFont="1" applyBorder="1" applyAlignment="1">
      <alignment vertical="center"/>
    </xf>
    <xf numFmtId="172" fontId="43" fillId="0" borderId="210" xfId="2" applyNumberFormat="1" applyFont="1" applyBorder="1" applyAlignment="1" applyProtection="1">
      <alignment horizontal="right" vertical="center"/>
      <protection locked="0"/>
    </xf>
    <xf numFmtId="171" fontId="6" fillId="0" borderId="25" xfId="2" applyNumberFormat="1" applyFont="1" applyBorder="1" applyAlignment="1">
      <alignment horizontal="right" vertical="center"/>
    </xf>
    <xf numFmtId="172" fontId="6" fillId="0" borderId="211" xfId="2" applyNumberFormat="1" applyFont="1" applyBorder="1" applyAlignment="1">
      <alignment vertical="center"/>
    </xf>
    <xf numFmtId="172" fontId="6" fillId="0" borderId="210" xfId="2" applyNumberFormat="1" applyFont="1" applyBorder="1" applyAlignment="1">
      <alignment vertical="center"/>
    </xf>
    <xf numFmtId="172" fontId="6" fillId="0" borderId="25" xfId="2" applyNumberFormat="1" applyFont="1" applyBorder="1" applyAlignment="1">
      <alignment vertical="center"/>
    </xf>
    <xf numFmtId="164" fontId="6" fillId="0" borderId="216" xfId="2" applyNumberFormat="1" applyFont="1" applyBorder="1" applyAlignment="1" applyProtection="1">
      <alignment vertical="center"/>
      <protection locked="0"/>
    </xf>
    <xf numFmtId="0" fontId="6" fillId="0" borderId="18" xfId="2" applyFont="1" applyBorder="1" applyAlignment="1">
      <alignment vertical="center"/>
    </xf>
    <xf numFmtId="172" fontId="43" fillId="0" borderId="213" xfId="2" applyNumberFormat="1" applyFont="1" applyBorder="1" applyAlignment="1" applyProtection="1">
      <alignment horizontal="right" vertical="center"/>
      <protection locked="0"/>
    </xf>
    <xf numFmtId="0" fontId="43" fillId="0" borderId="217" xfId="2" applyFont="1" applyBorder="1" applyAlignment="1">
      <alignment vertical="center"/>
    </xf>
    <xf numFmtId="171" fontId="6" fillId="0" borderId="25" xfId="2" applyNumberFormat="1" applyFont="1" applyBorder="1" applyAlignment="1">
      <alignment vertical="center"/>
    </xf>
    <xf numFmtId="0" fontId="41" fillId="0" borderId="13" xfId="2" applyFont="1" applyBorder="1" applyAlignment="1">
      <alignment vertical="center"/>
    </xf>
    <xf numFmtId="181" fontId="41" fillId="0" borderId="13" xfId="2" applyNumberFormat="1" applyFont="1" applyBorder="1" applyAlignment="1">
      <alignment vertical="center"/>
    </xf>
    <xf numFmtId="0" fontId="44" fillId="15" borderId="220" xfId="2" applyFont="1" applyFill="1" applyBorder="1" applyAlignment="1">
      <alignment vertical="center"/>
    </xf>
    <xf numFmtId="0" fontId="44" fillId="0" borderId="220" xfId="2" applyFont="1" applyBorder="1" applyAlignment="1">
      <alignment vertical="center"/>
    </xf>
    <xf numFmtId="0" fontId="43" fillId="0" borderId="221" xfId="2" applyFont="1" applyBorder="1" applyAlignment="1">
      <alignment horizontal="right" vertical="center"/>
    </xf>
    <xf numFmtId="0" fontId="6" fillId="0" borderId="29" xfId="2" applyFont="1" applyBorder="1" applyAlignment="1">
      <alignment horizontal="right" vertical="center"/>
    </xf>
    <xf numFmtId="0" fontId="6" fillId="0" borderId="222" xfId="2" applyFont="1" applyBorder="1" applyAlignment="1">
      <alignment horizontal="right" vertical="center"/>
    </xf>
    <xf numFmtId="0" fontId="6" fillId="0" borderId="221" xfId="2" applyFont="1" applyBorder="1" applyAlignment="1">
      <alignment horizontal="right" vertical="center"/>
    </xf>
    <xf numFmtId="0" fontId="6" fillId="0" borderId="223" xfId="2" applyFont="1" applyBorder="1" applyAlignment="1">
      <alignment horizontal="right" vertical="center"/>
    </xf>
    <xf numFmtId="178" fontId="6" fillId="0" borderId="223" xfId="2" applyNumberFormat="1" applyFont="1" applyBorder="1" applyAlignment="1">
      <alignment horizontal="right" vertical="center"/>
    </xf>
    <xf numFmtId="178" fontId="6" fillId="0" borderId="224" xfId="2" applyNumberFormat="1" applyFont="1" applyBorder="1" applyAlignment="1">
      <alignment horizontal="right" vertical="center"/>
    </xf>
    <xf numFmtId="178" fontId="6" fillId="0" borderId="221" xfId="2" applyNumberFormat="1" applyFont="1" applyBorder="1" applyAlignment="1">
      <alignment horizontal="right" vertical="center"/>
    </xf>
    <xf numFmtId="0" fontId="43" fillId="0" borderId="225" xfId="2" applyFont="1" applyBorder="1" applyAlignment="1">
      <alignment vertical="center"/>
    </xf>
    <xf numFmtId="164" fontId="43" fillId="0" borderId="226" xfId="2" applyNumberFormat="1" applyFont="1" applyBorder="1" applyAlignment="1">
      <alignment vertical="center"/>
    </xf>
    <xf numFmtId="164" fontId="6" fillId="0" borderId="227" xfId="2" applyNumberFormat="1" applyFont="1" applyBorder="1" applyAlignment="1">
      <alignment vertical="center"/>
    </xf>
    <xf numFmtId="164" fontId="6" fillId="0" borderId="228" xfId="2" applyNumberFormat="1" applyFont="1" applyBorder="1" applyAlignment="1">
      <alignment vertical="center"/>
    </xf>
    <xf numFmtId="164" fontId="6" fillId="0" borderId="226" xfId="2" applyNumberFormat="1" applyFont="1" applyBorder="1" applyAlignment="1">
      <alignment vertical="center"/>
    </xf>
    <xf numFmtId="164" fontId="6" fillId="0" borderId="229" xfId="2" applyNumberFormat="1" applyFont="1" applyBorder="1" applyAlignment="1">
      <alignment vertical="center"/>
    </xf>
    <xf numFmtId="164" fontId="6" fillId="0" borderId="230" xfId="2" applyNumberFormat="1" applyFont="1" applyBorder="1" applyAlignment="1">
      <alignment vertical="center"/>
    </xf>
    <xf numFmtId="0" fontId="6" fillId="0" borderId="231" xfId="2" applyFont="1" applyBorder="1" applyAlignment="1">
      <alignment horizontal="left" vertical="center" indent="1"/>
    </xf>
    <xf numFmtId="168" fontId="6" fillId="0" borderId="232" xfId="2" applyNumberFormat="1" applyFont="1" applyBorder="1" applyAlignment="1">
      <alignment horizontal="right" vertical="center"/>
    </xf>
    <xf numFmtId="168" fontId="6" fillId="0" borderId="232" xfId="2" applyNumberFormat="1" applyFont="1" applyBorder="1" applyAlignment="1">
      <alignment vertical="center"/>
    </xf>
    <xf numFmtId="0" fontId="43" fillId="0" borderId="231" xfId="2" applyFont="1" applyBorder="1" applyAlignment="1">
      <alignment horizontal="left" vertical="center" indent="1"/>
    </xf>
    <xf numFmtId="0" fontId="43" fillId="0" borderId="231" xfId="2" applyFont="1" applyBorder="1" applyAlignment="1">
      <alignment vertical="center"/>
    </xf>
    <xf numFmtId="164" fontId="6" fillId="0" borderId="232" xfId="2" applyNumberFormat="1" applyFont="1" applyBorder="1" applyAlignment="1">
      <alignment horizontal="right" vertical="center"/>
    </xf>
    <xf numFmtId="0" fontId="43" fillId="0" borderId="233" xfId="2" applyFont="1" applyBorder="1" applyAlignment="1">
      <alignment vertical="center"/>
    </xf>
    <xf numFmtId="168" fontId="6" fillId="0" borderId="234" xfId="2" applyNumberFormat="1" applyFont="1" applyBorder="1" applyAlignment="1">
      <alignment horizontal="right" vertical="center"/>
    </xf>
    <xf numFmtId="0" fontId="41" fillId="0" borderId="194" xfId="2" applyFont="1" applyBorder="1" applyAlignment="1">
      <alignment vertical="center"/>
    </xf>
    <xf numFmtId="177" fontId="41" fillId="0" borderId="194" xfId="2" applyNumberFormat="1" applyFont="1" applyBorder="1" applyAlignment="1">
      <alignment vertical="center"/>
    </xf>
    <xf numFmtId="0" fontId="44" fillId="16" borderId="235" xfId="2" applyFont="1" applyFill="1" applyBorder="1" applyAlignment="1">
      <alignment vertical="center"/>
    </xf>
    <xf numFmtId="0" fontId="44" fillId="0" borderId="235" xfId="2" applyFont="1" applyBorder="1" applyAlignment="1">
      <alignment vertical="center"/>
    </xf>
    <xf numFmtId="170" fontId="20" fillId="0" borderId="236" xfId="2" applyNumberFormat="1" applyFont="1" applyBorder="1" applyAlignment="1">
      <alignment horizontal="right" vertical="center"/>
    </xf>
    <xf numFmtId="170" fontId="19" fillId="0" borderId="237" xfId="2" applyNumberFormat="1" applyFont="1" applyBorder="1" applyAlignment="1">
      <alignment horizontal="right" vertical="center"/>
    </xf>
    <xf numFmtId="170" fontId="19" fillId="0" borderId="238" xfId="2" applyNumberFormat="1" applyFont="1" applyBorder="1" applyAlignment="1">
      <alignment horizontal="right" vertical="center"/>
    </xf>
    <xf numFmtId="170" fontId="19" fillId="0" borderId="236" xfId="2" applyNumberFormat="1" applyFont="1" applyBorder="1" applyAlignment="1">
      <alignment horizontal="right" vertical="center"/>
    </xf>
    <xf numFmtId="170" fontId="19" fillId="0" borderId="239" xfId="2" applyNumberFormat="1" applyFont="1" applyBorder="1" applyAlignment="1">
      <alignment horizontal="right" vertical="center"/>
    </xf>
    <xf numFmtId="170" fontId="19" fillId="0" borderId="240" xfId="2" quotePrefix="1" applyNumberFormat="1" applyFont="1" applyBorder="1" applyAlignment="1">
      <alignment horizontal="right" vertical="center"/>
    </xf>
    <xf numFmtId="0" fontId="17" fillId="0" borderId="235" xfId="2" applyFont="1" applyBorder="1" applyAlignment="1">
      <alignment vertical="center"/>
    </xf>
    <xf numFmtId="170" fontId="20" fillId="0" borderId="240" xfId="2" quotePrefix="1" applyNumberFormat="1" applyFont="1" applyBorder="1" applyAlignment="1">
      <alignment horizontal="right" vertical="center"/>
    </xf>
    <xf numFmtId="0" fontId="20" fillId="0" borderId="241" xfId="2" applyFont="1" applyBorder="1" applyAlignment="1">
      <alignment horizontal="left" vertical="center"/>
    </xf>
    <xf numFmtId="168" fontId="19" fillId="0" borderId="243" xfId="2" applyNumberFormat="1" applyFont="1" applyBorder="1" applyAlignment="1">
      <alignment horizontal="right" vertical="center"/>
    </xf>
    <xf numFmtId="0" fontId="20" fillId="0" borderId="244" xfId="2" applyFont="1" applyBorder="1" applyAlignment="1">
      <alignment horizontal="left" vertical="center"/>
    </xf>
    <xf numFmtId="168" fontId="19" fillId="0" borderId="245" xfId="2" applyNumberFormat="1" applyFont="1" applyBorder="1" applyAlignment="1">
      <alignment horizontal="right" vertical="center"/>
    </xf>
    <xf numFmtId="164" fontId="19" fillId="0" borderId="245" xfId="2" applyNumberFormat="1" applyFont="1" applyBorder="1" applyAlignment="1">
      <alignment horizontal="right" vertical="center"/>
    </xf>
    <xf numFmtId="0" fontId="19" fillId="0" borderId="244" xfId="2" applyFont="1" applyBorder="1" applyAlignment="1">
      <alignment horizontal="left" vertical="center" indent="1"/>
    </xf>
    <xf numFmtId="0" fontId="19" fillId="0" borderId="244" xfId="2" applyFont="1" applyBorder="1" applyAlignment="1">
      <alignment horizontal="left" vertical="center"/>
    </xf>
    <xf numFmtId="0" fontId="2" fillId="0" borderId="246" xfId="2" applyFont="1" applyBorder="1" applyAlignment="1">
      <alignment vertical="center"/>
    </xf>
    <xf numFmtId="0" fontId="17" fillId="0" borderId="244" xfId="2" applyFont="1" applyBorder="1" applyAlignment="1">
      <alignment vertical="center"/>
    </xf>
    <xf numFmtId="0" fontId="20" fillId="0" borderId="247" xfId="2" applyFont="1" applyBorder="1" applyAlignment="1">
      <alignment vertical="center"/>
    </xf>
    <xf numFmtId="168" fontId="19" fillId="0" borderId="248" xfId="2" applyNumberFormat="1" applyFont="1" applyBorder="1" applyAlignment="1">
      <alignment horizontal="right" vertical="center"/>
    </xf>
    <xf numFmtId="0" fontId="53" fillId="0" borderId="194" xfId="2" applyFont="1" applyBorder="1" applyAlignment="1">
      <alignment horizontal="left" vertical="center"/>
    </xf>
    <xf numFmtId="182" fontId="53" fillId="0" borderId="194" xfId="2" applyNumberFormat="1" applyFont="1" applyBorder="1" applyAlignment="1">
      <alignment horizontal="right" vertical="center"/>
    </xf>
    <xf numFmtId="170" fontId="19" fillId="0" borderId="249" xfId="2" applyNumberFormat="1" applyFont="1" applyBorder="1" applyAlignment="1">
      <alignment horizontal="right" vertical="center"/>
    </xf>
    <xf numFmtId="170" fontId="19" fillId="0" borderId="250" xfId="2" applyNumberFormat="1" applyFont="1" applyBorder="1" applyAlignment="1">
      <alignment horizontal="right" vertical="center"/>
    </xf>
    <xf numFmtId="170" fontId="19" fillId="0" borderId="251" xfId="2" applyNumberFormat="1" applyFont="1" applyBorder="1" applyAlignment="1">
      <alignment horizontal="right" vertical="center"/>
    </xf>
    <xf numFmtId="0" fontId="19" fillId="0" borderId="241" xfId="2" applyFont="1" applyBorder="1" applyAlignment="1">
      <alignment horizontal="left" vertical="center"/>
    </xf>
    <xf numFmtId="170" fontId="20" fillId="0" borderId="242" xfId="2" applyNumberFormat="1" applyFont="1" applyBorder="1" applyAlignment="1">
      <alignment horizontal="right" vertical="center"/>
    </xf>
    <xf numFmtId="170" fontId="19" fillId="0" borderId="252" xfId="2" applyNumberFormat="1" applyFont="1" applyBorder="1" applyAlignment="1">
      <alignment horizontal="right" vertical="center"/>
    </xf>
    <xf numFmtId="170" fontId="19" fillId="0" borderId="253" xfId="2" applyNumberFormat="1" applyFont="1" applyBorder="1" applyAlignment="1">
      <alignment horizontal="right" vertical="center"/>
    </xf>
    <xf numFmtId="170" fontId="19" fillId="0" borderId="242" xfId="2" applyNumberFormat="1" applyFont="1" applyBorder="1" applyAlignment="1">
      <alignment horizontal="right" vertical="center"/>
    </xf>
    <xf numFmtId="170" fontId="19" fillId="0" borderId="254" xfId="2" applyNumberFormat="1" applyFont="1" applyBorder="1" applyAlignment="1">
      <alignment horizontal="right" vertical="center"/>
    </xf>
    <xf numFmtId="170" fontId="19" fillId="0" borderId="243" xfId="2" quotePrefix="1" applyNumberFormat="1" applyFont="1" applyBorder="1" applyAlignment="1">
      <alignment horizontal="right" vertical="center"/>
    </xf>
    <xf numFmtId="0" fontId="20" fillId="0" borderId="255" xfId="2" applyFont="1" applyBorder="1" applyAlignment="1">
      <alignment horizontal="left" vertical="center"/>
    </xf>
    <xf numFmtId="164" fontId="19" fillId="0" borderId="248" xfId="2" applyNumberFormat="1" applyFont="1" applyBorder="1" applyAlignment="1">
      <alignment horizontal="right" vertical="center"/>
    </xf>
    <xf numFmtId="164" fontId="19" fillId="0" borderId="240" xfId="2" quotePrefix="1" applyNumberFormat="1" applyFont="1" applyBorder="1" applyAlignment="1">
      <alignment horizontal="right" vertical="center"/>
    </xf>
    <xf numFmtId="164" fontId="19" fillId="0" borderId="243" xfId="2" quotePrefix="1" applyNumberFormat="1" applyFont="1" applyBorder="1" applyAlignment="1">
      <alignment horizontal="right" vertical="center"/>
    </xf>
    <xf numFmtId="168" fontId="19" fillId="0" borderId="245" xfId="2" applyNumberFormat="1" applyFont="1" applyBorder="1" applyAlignment="1">
      <alignment horizontal="left" vertical="center" indent="1"/>
    </xf>
    <xf numFmtId="164" fontId="19" fillId="0" borderId="245" xfId="2" quotePrefix="1" applyNumberFormat="1" applyFont="1" applyBorder="1" applyAlignment="1">
      <alignment vertical="center"/>
    </xf>
    <xf numFmtId="0" fontId="53" fillId="0" borderId="194" xfId="2" applyFont="1" applyBorder="1" applyAlignment="1">
      <alignment vertical="center"/>
    </xf>
    <xf numFmtId="183" fontId="53" fillId="0" borderId="194" xfId="2" applyNumberFormat="1" applyFont="1" applyBorder="1" applyAlignment="1">
      <alignment horizontal="right" vertical="center"/>
    </xf>
    <xf numFmtId="183" fontId="52" fillId="0" borderId="194" xfId="2" applyNumberFormat="1" applyFont="1" applyBorder="1" applyAlignment="1">
      <alignment horizontal="right" vertical="center"/>
    </xf>
    <xf numFmtId="0" fontId="51" fillId="17" borderId="256" xfId="2" applyFont="1" applyFill="1" applyBorder="1" applyAlignment="1" applyProtection="1">
      <alignment vertical="center"/>
      <protection locked="0"/>
    </xf>
    <xf numFmtId="0" fontId="44" fillId="0" borderId="256" xfId="2" applyFont="1" applyBorder="1" applyAlignment="1" applyProtection="1">
      <alignment vertical="center"/>
      <protection locked="0"/>
    </xf>
    <xf numFmtId="170" fontId="20" fillId="0" borderId="257" xfId="2" applyNumberFormat="1" applyFont="1" applyBorder="1" applyAlignment="1" applyProtection="1">
      <alignment horizontal="right" vertical="center"/>
      <protection locked="0"/>
    </xf>
    <xf numFmtId="170" fontId="19" fillId="0" borderId="258" xfId="2" applyNumberFormat="1" applyFont="1" applyBorder="1" applyAlignment="1" applyProtection="1">
      <alignment horizontal="right" vertical="center"/>
      <protection locked="0"/>
    </xf>
    <xf numFmtId="170" fontId="19" fillId="0" borderId="259" xfId="2" applyNumberFormat="1" applyFont="1" applyBorder="1" applyAlignment="1" applyProtection="1">
      <alignment horizontal="right" vertical="center"/>
      <protection locked="0"/>
    </xf>
    <xf numFmtId="170" fontId="19" fillId="0" borderId="257" xfId="2" applyNumberFormat="1" applyFont="1" applyBorder="1" applyAlignment="1" applyProtection="1">
      <alignment horizontal="right" vertical="center"/>
      <protection locked="0"/>
    </xf>
    <xf numFmtId="170" fontId="19" fillId="0" borderId="260" xfId="2" applyNumberFormat="1" applyFont="1" applyBorder="1" applyAlignment="1" applyProtection="1">
      <alignment horizontal="right" vertical="center"/>
      <protection locked="0"/>
    </xf>
    <xf numFmtId="170" fontId="19" fillId="0" borderId="261" xfId="2" quotePrefix="1" applyNumberFormat="1" applyFont="1" applyBorder="1" applyAlignment="1" applyProtection="1">
      <alignment horizontal="right" vertical="center"/>
      <protection locked="0"/>
    </xf>
    <xf numFmtId="170" fontId="19" fillId="0" borderId="262" xfId="2" applyNumberFormat="1" applyFont="1" applyBorder="1" applyAlignment="1" applyProtection="1">
      <alignment horizontal="right" vertical="center"/>
      <protection locked="0"/>
    </xf>
    <xf numFmtId="170" fontId="19" fillId="0" borderId="263" xfId="2" applyNumberFormat="1" applyFont="1" applyBorder="1" applyAlignment="1" applyProtection="1">
      <alignment horizontal="right" vertical="center"/>
      <protection locked="0"/>
    </xf>
    <xf numFmtId="0" fontId="19" fillId="0" borderId="264" xfId="2" applyFont="1" applyBorder="1" applyAlignment="1" applyProtection="1">
      <alignment horizontal="left" vertical="center"/>
      <protection locked="0"/>
    </xf>
    <xf numFmtId="0" fontId="19" fillId="0" borderId="265" xfId="2" applyFont="1" applyBorder="1" applyAlignment="1" applyProtection="1">
      <alignment horizontal="left" vertical="center"/>
      <protection locked="0"/>
    </xf>
    <xf numFmtId="0" fontId="19" fillId="0" borderId="265" xfId="2" quotePrefix="1" applyFont="1" applyBorder="1" applyAlignment="1" applyProtection="1">
      <alignment horizontal="left" vertical="center" indent="1"/>
      <protection locked="0"/>
    </xf>
    <xf numFmtId="0" fontId="19" fillId="0" borderId="265" xfId="2" applyFont="1" applyBorder="1" applyAlignment="1" applyProtection="1">
      <alignment horizontal="left" vertical="center" indent="1"/>
      <protection locked="0"/>
    </xf>
    <xf numFmtId="0" fontId="20" fillId="0" borderId="265" xfId="2" applyFont="1" applyBorder="1" applyAlignment="1" applyProtection="1">
      <alignment horizontal="left" vertical="center"/>
      <protection locked="0"/>
    </xf>
    <xf numFmtId="0" fontId="19" fillId="0" borderId="266" xfId="2" applyFont="1" applyBorder="1" applyAlignment="1" applyProtection="1">
      <alignment horizontal="left" vertical="center"/>
      <protection locked="0"/>
    </xf>
    <xf numFmtId="0" fontId="20" fillId="0" borderId="256" xfId="2" applyFont="1" applyBorder="1" applyAlignment="1" applyProtection="1">
      <alignment horizontal="left" vertical="center"/>
      <protection locked="0"/>
    </xf>
    <xf numFmtId="0" fontId="17" fillId="0" borderId="264" xfId="2" applyFont="1" applyBorder="1" applyAlignment="1" applyProtection="1">
      <alignment vertical="center"/>
      <protection locked="0"/>
    </xf>
    <xf numFmtId="0" fontId="6" fillId="0" borderId="265" xfId="2" applyFont="1" applyBorder="1" applyAlignment="1" applyProtection="1">
      <alignment vertical="center"/>
      <protection locked="0"/>
    </xf>
    <xf numFmtId="0" fontId="6" fillId="0" borderId="265" xfId="2" quotePrefix="1" applyFont="1" applyBorder="1" applyAlignment="1" applyProtection="1">
      <alignment horizontal="left" vertical="center" indent="1"/>
      <protection locked="0"/>
    </xf>
    <xf numFmtId="0" fontId="19" fillId="0" borderId="265" xfId="2" applyFont="1" applyBorder="1" applyAlignment="1" applyProtection="1">
      <alignment horizontal="left" vertical="center" indent="2"/>
      <protection locked="0"/>
    </xf>
    <xf numFmtId="0" fontId="19" fillId="0" borderId="265" xfId="2" applyFont="1" applyBorder="1" applyProtection="1">
      <protection locked="0"/>
    </xf>
    <xf numFmtId="0" fontId="20" fillId="0" borderId="266" xfId="2" applyFont="1" applyBorder="1" applyAlignment="1" applyProtection="1">
      <alignment vertical="center"/>
      <protection locked="0"/>
    </xf>
    <xf numFmtId="0" fontId="54" fillId="0" borderId="13" xfId="2" applyFont="1" applyBorder="1" applyAlignment="1" applyProtection="1">
      <alignment vertical="center"/>
      <protection locked="0"/>
    </xf>
    <xf numFmtId="164" fontId="46" fillId="0" borderId="13" xfId="2" applyNumberFormat="1" applyFont="1" applyBorder="1" applyAlignment="1" applyProtection="1">
      <alignment horizontal="right" vertical="center"/>
      <protection locked="0"/>
    </xf>
    <xf numFmtId="164" fontId="46" fillId="0" borderId="13" xfId="2" applyNumberFormat="1" applyFont="1" applyBorder="1" applyAlignment="1" applyProtection="1">
      <alignment vertical="center"/>
      <protection locked="0"/>
    </xf>
    <xf numFmtId="0" fontId="52" fillId="0" borderId="0" xfId="2" quotePrefix="1" applyFont="1" applyAlignment="1" applyProtection="1">
      <alignment vertical="center"/>
      <protection locked="0"/>
    </xf>
    <xf numFmtId="164" fontId="46" fillId="0" borderId="0" xfId="2" applyNumberFormat="1" applyFont="1" applyAlignment="1" applyProtection="1">
      <alignment horizontal="right" vertical="center"/>
      <protection locked="0"/>
    </xf>
    <xf numFmtId="164" fontId="46" fillId="0" borderId="0" xfId="2" applyNumberFormat="1" applyFont="1" applyAlignment="1" applyProtection="1">
      <alignment vertical="center"/>
      <protection locked="0"/>
    </xf>
    <xf numFmtId="0" fontId="44" fillId="18" borderId="267" xfId="2" applyFont="1" applyFill="1" applyBorder="1" applyAlignment="1">
      <alignment vertical="center"/>
    </xf>
    <xf numFmtId="0" fontId="44" fillId="0" borderId="267" xfId="2" applyFont="1" applyBorder="1" applyAlignment="1">
      <alignment vertical="center"/>
    </xf>
    <xf numFmtId="170" fontId="43" fillId="0" borderId="268" xfId="2" applyNumberFormat="1" applyFont="1" applyBorder="1" applyAlignment="1">
      <alignment horizontal="right" vertical="center"/>
    </xf>
    <xf numFmtId="170" fontId="6" fillId="0" borderId="269" xfId="2" applyNumberFormat="1" applyFont="1" applyBorder="1" applyAlignment="1">
      <alignment horizontal="right" vertical="center"/>
    </xf>
    <xf numFmtId="170" fontId="6" fillId="0" borderId="270" xfId="2" applyNumberFormat="1" applyFont="1" applyBorder="1" applyAlignment="1">
      <alignment horizontal="right" vertical="center"/>
    </xf>
    <xf numFmtId="170" fontId="6" fillId="0" borderId="268" xfId="2" applyNumberFormat="1" applyFont="1" applyBorder="1" applyAlignment="1">
      <alignment horizontal="right" vertical="center"/>
    </xf>
    <xf numFmtId="170" fontId="6" fillId="0" borderId="271" xfId="2" applyNumberFormat="1" applyFont="1" applyBorder="1" applyAlignment="1">
      <alignment horizontal="right" vertical="center"/>
    </xf>
    <xf numFmtId="170" fontId="6" fillId="0" borderId="272" xfId="5" applyNumberFormat="1" applyFont="1" applyBorder="1" applyAlignment="1">
      <alignment horizontal="right" vertical="center"/>
    </xf>
    <xf numFmtId="170" fontId="6" fillId="0" borderId="268" xfId="5" applyNumberFormat="1" applyFont="1" applyBorder="1" applyAlignment="1">
      <alignment horizontal="right" vertical="center"/>
    </xf>
    <xf numFmtId="170" fontId="6" fillId="0" borderId="273" xfId="5" applyNumberFormat="1" applyFont="1" applyBorder="1" applyAlignment="1">
      <alignment horizontal="right" vertical="center"/>
    </xf>
    <xf numFmtId="170" fontId="6" fillId="0" borderId="274" xfId="5" applyNumberFormat="1" applyFont="1" applyBorder="1" applyAlignment="1">
      <alignment horizontal="right" vertical="center"/>
    </xf>
    <xf numFmtId="0" fontId="43" fillId="0" borderId="227" xfId="2" applyFont="1" applyBorder="1" applyAlignment="1">
      <alignment vertical="center"/>
    </xf>
    <xf numFmtId="164" fontId="43" fillId="0" borderId="275" xfId="2" applyNumberFormat="1" applyFont="1" applyBorder="1" applyAlignment="1">
      <alignment vertical="center"/>
    </xf>
    <xf numFmtId="164" fontId="6" fillId="0" borderId="243" xfId="2" applyNumberFormat="1" applyFont="1" applyBorder="1" applyAlignment="1">
      <alignment vertical="center"/>
    </xf>
    <xf numFmtId="164" fontId="6" fillId="0" borderId="275" xfId="2" applyNumberFormat="1" applyFont="1" applyBorder="1" applyAlignment="1">
      <alignment vertical="center"/>
    </xf>
    <xf numFmtId="164" fontId="43" fillId="0" borderId="227" xfId="2" applyNumberFormat="1" applyFont="1" applyBorder="1" applyAlignment="1">
      <alignment vertical="center"/>
    </xf>
    <xf numFmtId="164" fontId="43" fillId="0" borderId="243" xfId="5" applyNumberFormat="1" applyFont="1" applyBorder="1" applyAlignment="1">
      <alignment vertical="center"/>
    </xf>
    <xf numFmtId="164" fontId="43" fillId="0" borderId="275" xfId="5" applyNumberFormat="1" applyFont="1" applyBorder="1" applyAlignment="1">
      <alignment vertical="center"/>
    </xf>
    <xf numFmtId="164" fontId="43" fillId="0" borderId="227" xfId="5" applyNumberFormat="1" applyFont="1" applyBorder="1" applyAlignment="1">
      <alignment vertical="center"/>
    </xf>
    <xf numFmtId="0" fontId="6" fillId="0" borderId="276" xfId="2" applyFont="1" applyBorder="1" applyAlignment="1">
      <alignment horizontal="left" vertical="center" indent="1"/>
    </xf>
    <xf numFmtId="168" fontId="43" fillId="0" borderId="277" xfId="2" applyNumberFormat="1" applyFont="1" applyBorder="1" applyAlignment="1">
      <alignment vertical="center"/>
    </xf>
    <xf numFmtId="168" fontId="6" fillId="0" borderId="278" xfId="2" applyNumberFormat="1" applyFont="1" applyBorder="1" applyAlignment="1">
      <alignment vertical="center"/>
    </xf>
    <xf numFmtId="168" fontId="6" fillId="0" borderId="279" xfId="2" applyNumberFormat="1" applyFont="1" applyBorder="1" applyAlignment="1">
      <alignment vertical="center"/>
    </xf>
    <xf numFmtId="168" fontId="6" fillId="0" borderId="277" xfId="2" applyNumberFormat="1" applyFont="1" applyBorder="1" applyAlignment="1">
      <alignment vertical="center"/>
    </xf>
    <xf numFmtId="168" fontId="6" fillId="0" borderId="280" xfId="2" applyNumberFormat="1" applyFont="1" applyBorder="1" applyAlignment="1">
      <alignment vertical="center"/>
    </xf>
    <xf numFmtId="168" fontId="6" fillId="0" borderId="281" xfId="5" applyNumberFormat="1" applyFont="1" applyBorder="1" applyAlignment="1">
      <alignment vertical="center"/>
    </xf>
    <xf numFmtId="168" fontId="6" fillId="0" borderId="277" xfId="5" applyNumberFormat="1" applyFont="1" applyBorder="1" applyAlignment="1">
      <alignment vertical="center"/>
    </xf>
    <xf numFmtId="168" fontId="6" fillId="0" borderId="282" xfId="5" applyNumberFormat="1" applyFont="1" applyBorder="1" applyAlignment="1">
      <alignment vertical="center"/>
    </xf>
    <xf numFmtId="168" fontId="6" fillId="0" borderId="283" xfId="5" applyNumberFormat="1" applyFont="1" applyBorder="1" applyAlignment="1">
      <alignment vertical="center"/>
    </xf>
    <xf numFmtId="0" fontId="43" fillId="0" borderId="276" xfId="2" applyFont="1" applyBorder="1" applyAlignment="1">
      <alignment horizontal="left" vertical="center" indent="1"/>
    </xf>
    <xf numFmtId="168" fontId="6" fillId="0" borderId="278" xfId="5" applyNumberFormat="1" applyFont="1" applyBorder="1" applyAlignment="1">
      <alignment vertical="center"/>
    </xf>
    <xf numFmtId="168" fontId="6" fillId="0" borderId="280" xfId="5" applyNumberFormat="1" applyFont="1" applyBorder="1" applyAlignment="1">
      <alignment vertical="center"/>
    </xf>
    <xf numFmtId="168" fontId="6" fillId="0" borderId="282" xfId="2" applyNumberFormat="1" applyFont="1" applyBorder="1" applyAlignment="1">
      <alignment vertical="center"/>
    </xf>
    <xf numFmtId="168" fontId="6" fillId="0" borderId="283" xfId="2" applyNumberFormat="1" applyFont="1" applyBorder="1" applyAlignment="1">
      <alignment vertical="center"/>
    </xf>
    <xf numFmtId="164" fontId="6" fillId="0" borderId="279" xfId="2" applyNumberFormat="1" applyFont="1" applyBorder="1" applyAlignment="1">
      <alignment vertical="center"/>
    </xf>
    <xf numFmtId="0" fontId="43" fillId="0" borderId="276" xfId="2" applyFont="1" applyBorder="1" applyAlignment="1">
      <alignment vertical="center"/>
    </xf>
    <xf numFmtId="168" fontId="6" fillId="0" borderId="283" xfId="5" applyNumberFormat="1" applyFont="1" applyFill="1" applyBorder="1" applyAlignment="1">
      <alignment vertical="center"/>
    </xf>
    <xf numFmtId="0" fontId="6" fillId="0" borderId="276" xfId="2" applyFont="1" applyBorder="1" applyAlignment="1">
      <alignment horizontal="left" vertical="center" indent="2"/>
    </xf>
    <xf numFmtId="168" fontId="6" fillId="0" borderId="282" xfId="5" applyNumberFormat="1" applyFont="1" applyFill="1" applyBorder="1" applyAlignment="1">
      <alignment vertical="center"/>
    </xf>
    <xf numFmtId="0" fontId="43" fillId="0" borderId="276" xfId="2" applyFont="1" applyBorder="1" applyAlignment="1">
      <alignment horizontal="left" vertical="center" indent="2"/>
    </xf>
    <xf numFmtId="0" fontId="43" fillId="0" borderId="276" xfId="2" applyFont="1" applyBorder="1" applyAlignment="1">
      <alignment horizontal="left" vertical="center"/>
    </xf>
    <xf numFmtId="0" fontId="6" fillId="0" borderId="276" xfId="2" applyFont="1" applyBorder="1" applyAlignment="1">
      <alignment horizontal="left" vertical="center" indent="3"/>
    </xf>
    <xf numFmtId="168" fontId="6" fillId="19" borderId="282" xfId="5" applyNumberFormat="1" applyFont="1" applyFill="1" applyBorder="1" applyAlignment="1">
      <alignment vertical="center"/>
    </xf>
    <xf numFmtId="168" fontId="6" fillId="19" borderId="283" xfId="5" applyNumberFormat="1" applyFont="1" applyFill="1" applyBorder="1" applyAlignment="1">
      <alignment vertical="center"/>
    </xf>
    <xf numFmtId="168" fontId="6" fillId="19" borderId="277" xfId="5" applyNumberFormat="1" applyFont="1" applyFill="1" applyBorder="1" applyAlignment="1">
      <alignment vertical="center"/>
    </xf>
    <xf numFmtId="0" fontId="43" fillId="0" borderId="284" xfId="2" applyFont="1" applyBorder="1" applyAlignment="1">
      <alignment horizontal="left" vertical="center" indent="1"/>
    </xf>
    <xf numFmtId="168" fontId="43" fillId="0" borderId="285" xfId="2" applyNumberFormat="1" applyFont="1" applyBorder="1" applyAlignment="1">
      <alignment vertical="center"/>
    </xf>
    <xf numFmtId="168" fontId="6" fillId="0" borderId="286" xfId="5" applyNumberFormat="1" applyFont="1" applyBorder="1" applyAlignment="1">
      <alignment vertical="center"/>
    </xf>
    <xf numFmtId="168" fontId="6" fillId="0" borderId="287" xfId="2" applyNumberFormat="1" applyFont="1" applyBorder="1" applyAlignment="1">
      <alignment vertical="center"/>
    </xf>
    <xf numFmtId="168" fontId="6" fillId="0" borderId="285" xfId="2" applyNumberFormat="1" applyFont="1" applyBorder="1" applyAlignment="1">
      <alignment vertical="center"/>
    </xf>
    <xf numFmtId="168" fontId="6" fillId="0" borderId="288" xfId="5" applyNumberFormat="1" applyFont="1" applyBorder="1" applyAlignment="1">
      <alignment vertical="center"/>
    </xf>
    <xf numFmtId="168" fontId="6" fillId="0" borderId="289" xfId="5" applyNumberFormat="1" applyFont="1" applyBorder="1" applyAlignment="1">
      <alignment vertical="center"/>
    </xf>
    <xf numFmtId="168" fontId="6" fillId="0" borderId="285" xfId="5" applyNumberFormat="1" applyFont="1" applyBorder="1" applyAlignment="1">
      <alignment vertical="center"/>
    </xf>
    <xf numFmtId="168" fontId="6" fillId="19" borderId="290" xfId="2" applyNumberFormat="1" applyFont="1" applyFill="1" applyBorder="1" applyAlignment="1">
      <alignment horizontal="left" vertical="center" indent="1"/>
    </xf>
    <xf numFmtId="168" fontId="6" fillId="19" borderId="291" xfId="2" applyNumberFormat="1" applyFont="1" applyFill="1" applyBorder="1" applyAlignment="1">
      <alignment vertical="center"/>
    </xf>
    <xf numFmtId="168" fontId="6" fillId="19" borderId="285" xfId="2" applyNumberFormat="1" applyFont="1" applyFill="1" applyBorder="1" applyAlignment="1">
      <alignment vertical="center"/>
    </xf>
    <xf numFmtId="0" fontId="41" fillId="0" borderId="194" xfId="2" applyFont="1" applyBorder="1" applyAlignment="1">
      <alignment horizontal="left" vertical="center" indent="1"/>
    </xf>
    <xf numFmtId="168" fontId="35" fillId="0" borderId="194" xfId="2" applyNumberFormat="1" applyFont="1" applyBorder="1" applyAlignment="1">
      <alignment vertical="center"/>
    </xf>
    <xf numFmtId="168" fontId="41" fillId="0" borderId="194" xfId="5" applyNumberFormat="1" applyFont="1" applyBorder="1" applyAlignment="1">
      <alignment vertical="center"/>
    </xf>
    <xf numFmtId="168" fontId="35" fillId="0" borderId="194" xfId="5" applyNumberFormat="1" applyFont="1" applyBorder="1" applyAlignment="1">
      <alignment vertical="center"/>
    </xf>
    <xf numFmtId="0" fontId="0" fillId="0" borderId="194" xfId="2" applyFont="1" applyBorder="1"/>
    <xf numFmtId="170" fontId="6" fillId="0" borderId="292" xfId="5" applyNumberFormat="1" applyFont="1" applyBorder="1" applyAlignment="1">
      <alignment horizontal="right" vertical="center"/>
    </xf>
    <xf numFmtId="170" fontId="6" fillId="0" borderId="269" xfId="5" applyNumberFormat="1" applyFont="1" applyBorder="1" applyAlignment="1">
      <alignment horizontal="right" vertical="center"/>
    </xf>
    <xf numFmtId="168" fontId="43" fillId="0" borderId="275" xfId="2" applyNumberFormat="1" applyFont="1" applyBorder="1" applyAlignment="1">
      <alignment vertical="center"/>
    </xf>
    <xf numFmtId="168" fontId="6" fillId="0" borderId="227" xfId="2" applyNumberFormat="1" applyFont="1" applyBorder="1" applyAlignment="1">
      <alignment vertical="center"/>
    </xf>
    <xf numFmtId="168" fontId="6" fillId="0" borderId="275" xfId="2" applyNumberFormat="1" applyFont="1" applyBorder="1" applyAlignment="1">
      <alignment vertical="center"/>
    </xf>
    <xf numFmtId="168" fontId="6" fillId="0" borderId="243" xfId="5" applyNumberFormat="1" applyFont="1" applyBorder="1" applyAlignment="1">
      <alignment vertical="center"/>
    </xf>
    <xf numFmtId="168" fontId="6" fillId="0" borderId="275" xfId="5" applyNumberFormat="1" applyFont="1" applyBorder="1" applyAlignment="1">
      <alignment vertical="center"/>
    </xf>
    <xf numFmtId="168" fontId="6" fillId="0" borderId="227" xfId="5" applyNumberFormat="1" applyFont="1" applyBorder="1" applyAlignment="1">
      <alignment vertical="center"/>
    </xf>
    <xf numFmtId="168" fontId="6" fillId="0" borderId="293" xfId="5" applyNumberFormat="1" applyFont="1" applyBorder="1" applyAlignment="1">
      <alignment vertical="center"/>
    </xf>
    <xf numFmtId="168" fontId="6" fillId="0" borderId="293" xfId="2" applyNumberFormat="1" applyFont="1" applyBorder="1" applyAlignment="1">
      <alignment vertical="center"/>
    </xf>
    <xf numFmtId="184" fontId="43" fillId="0" borderId="294" xfId="2" applyNumberFormat="1" applyFont="1" applyBorder="1" applyAlignment="1">
      <alignment horizontal="left" vertical="center"/>
    </xf>
    <xf numFmtId="168" fontId="43" fillId="0" borderId="295" xfId="2" applyNumberFormat="1" applyFont="1" applyBorder="1" applyAlignment="1">
      <alignment vertical="center"/>
    </xf>
    <xf numFmtId="168" fontId="6" fillId="0" borderId="296" xfId="5" applyNumberFormat="1" applyFont="1" applyBorder="1" applyAlignment="1">
      <alignment vertical="center"/>
    </xf>
    <xf numFmtId="168" fontId="6" fillId="0" borderId="297" xfId="2" applyNumberFormat="1" applyFont="1" applyBorder="1" applyAlignment="1">
      <alignment vertical="center"/>
    </xf>
    <xf numFmtId="168" fontId="6" fillId="0" borderId="295" xfId="2" applyNumberFormat="1" applyFont="1" applyBorder="1" applyAlignment="1">
      <alignment vertical="center"/>
    </xf>
    <xf numFmtId="168" fontId="6" fillId="0" borderId="298" xfId="5" applyNumberFormat="1" applyFont="1" applyBorder="1" applyAlignment="1">
      <alignment vertical="center"/>
    </xf>
    <xf numFmtId="168" fontId="6" fillId="0" borderId="299" xfId="5" applyNumberFormat="1" applyFont="1" applyBorder="1" applyAlignment="1">
      <alignment vertical="center"/>
    </xf>
    <xf numFmtId="168" fontId="6" fillId="0" borderId="295" xfId="5" applyNumberFormat="1" applyFont="1" applyFill="1" applyBorder="1" applyAlignment="1">
      <alignment vertical="center"/>
    </xf>
    <xf numFmtId="168" fontId="6" fillId="0" borderId="295" xfId="5" applyNumberFormat="1" applyFont="1" applyBorder="1" applyAlignment="1">
      <alignment vertical="center"/>
    </xf>
    <xf numFmtId="168" fontId="6" fillId="0" borderId="300" xfId="2" applyNumberFormat="1" applyFont="1" applyBorder="1" applyAlignment="1">
      <alignment vertical="center"/>
    </xf>
    <xf numFmtId="168" fontId="6" fillId="0" borderId="296" xfId="2" applyNumberFormat="1" applyFont="1" applyBorder="1" applyAlignment="1">
      <alignment vertical="center"/>
    </xf>
    <xf numFmtId="184" fontId="41" fillId="0" borderId="194" xfId="2" applyNumberFormat="1" applyFont="1" applyBorder="1" applyAlignment="1">
      <alignment horizontal="left" vertical="center"/>
    </xf>
    <xf numFmtId="164" fontId="35" fillId="0" borderId="194" xfId="2" applyNumberFormat="1" applyFont="1" applyBorder="1" applyAlignment="1">
      <alignment vertical="center"/>
    </xf>
    <xf numFmtId="168" fontId="35" fillId="0" borderId="194" xfId="5" applyNumberFormat="1" applyFont="1" applyFill="1" applyBorder="1" applyAlignment="1">
      <alignment vertical="center"/>
    </xf>
    <xf numFmtId="0" fontId="44" fillId="0" borderId="301" xfId="2" applyFont="1" applyBorder="1" applyAlignment="1">
      <alignment vertical="center"/>
    </xf>
    <xf numFmtId="0" fontId="43" fillId="0" borderId="301" xfId="2" applyFont="1" applyBorder="1" applyAlignment="1">
      <alignment vertical="center"/>
    </xf>
    <xf numFmtId="164" fontId="43" fillId="0" borderId="32" xfId="2" applyNumberFormat="1" applyFont="1" applyBorder="1" applyAlignment="1">
      <alignment horizontal="center" vertical="center"/>
    </xf>
    <xf numFmtId="164" fontId="6" fillId="0" borderId="32" xfId="2" applyNumberFormat="1" applyFont="1" applyBorder="1" applyAlignment="1">
      <alignment horizontal="center" vertical="center"/>
    </xf>
    <xf numFmtId="164" fontId="6" fillId="0" borderId="33" xfId="2" applyNumberFormat="1" applyFont="1" applyBorder="1" applyAlignment="1">
      <alignment horizontal="center" vertical="center"/>
    </xf>
    <xf numFmtId="0" fontId="6" fillId="0" borderId="227" xfId="2" applyFont="1" applyBorder="1" applyAlignment="1">
      <alignment horizontal="left" vertical="center" indent="1"/>
    </xf>
    <xf numFmtId="172" fontId="43" fillId="0" borderId="304" xfId="9" applyNumberFormat="1" applyFont="1" applyBorder="1" applyAlignment="1">
      <alignment vertical="center"/>
    </xf>
    <xf numFmtId="171" fontId="6" fillId="0" borderId="38" xfId="5" applyNumberFormat="1" applyFont="1" applyBorder="1" applyAlignment="1">
      <alignment vertical="center"/>
    </xf>
    <xf numFmtId="0" fontId="6" fillId="0" borderId="307" xfId="2" applyFont="1" applyBorder="1" applyAlignment="1">
      <alignment horizontal="left" vertical="center" indent="1"/>
    </xf>
    <xf numFmtId="172" fontId="43" fillId="0" borderId="308" xfId="9" applyNumberFormat="1" applyFont="1" applyBorder="1" applyAlignment="1">
      <alignment vertical="center"/>
    </xf>
    <xf numFmtId="171" fontId="6" fillId="0" borderId="43" xfId="5" applyNumberFormat="1" applyFont="1" applyBorder="1" applyAlignment="1">
      <alignment vertical="center"/>
    </xf>
    <xf numFmtId="0" fontId="6" fillId="0" borderId="234" xfId="2" applyFont="1" applyBorder="1" applyAlignment="1">
      <alignment horizontal="left" vertical="center" indent="1"/>
    </xf>
    <xf numFmtId="172" fontId="43" fillId="0" borderId="309" xfId="9" applyNumberFormat="1" applyFont="1" applyBorder="1" applyAlignment="1">
      <alignment vertical="center"/>
    </xf>
    <xf numFmtId="171" fontId="6" fillId="0" borderId="48" xfId="5" applyNumberFormat="1" applyFont="1" applyBorder="1" applyAlignment="1">
      <alignment vertical="center"/>
    </xf>
    <xf numFmtId="0" fontId="43" fillId="0" borderId="301" xfId="2" applyFont="1" applyBorder="1" applyAlignment="1">
      <alignment horizontal="left" vertical="center"/>
    </xf>
    <xf numFmtId="172" fontId="43" fillId="0" borderId="32" xfId="9" applyNumberFormat="1" applyFont="1" applyBorder="1" applyAlignment="1">
      <alignment vertical="center"/>
    </xf>
    <xf numFmtId="171" fontId="6" fillId="0" borderId="32" xfId="5" applyNumberFormat="1" applyFont="1" applyBorder="1" applyAlignment="1">
      <alignment vertical="center"/>
    </xf>
    <xf numFmtId="0" fontId="6" fillId="0" borderId="227" xfId="2" applyFont="1" applyBorder="1" applyAlignment="1">
      <alignment horizontal="left" vertical="center" indent="3"/>
    </xf>
    <xf numFmtId="172" fontId="43" fillId="0" borderId="38" xfId="5" applyNumberFormat="1" applyFont="1" applyBorder="1" applyAlignment="1">
      <alignment vertical="center"/>
    </xf>
    <xf numFmtId="172" fontId="43" fillId="0" borderId="39" xfId="5" applyNumberFormat="1" applyFont="1" applyBorder="1" applyAlignment="1">
      <alignment vertical="center"/>
    </xf>
    <xf numFmtId="172" fontId="6" fillId="0" borderId="38" xfId="5" applyNumberFormat="1" applyFont="1" applyBorder="1" applyAlignment="1">
      <alignment vertical="center"/>
    </xf>
    <xf numFmtId="172" fontId="6" fillId="0" borderId="39" xfId="5" applyNumberFormat="1" applyFont="1" applyBorder="1" applyAlignment="1">
      <alignment vertical="center"/>
    </xf>
    <xf numFmtId="172" fontId="6" fillId="0" borderId="306" xfId="5" applyNumberFormat="1" applyFont="1" applyBorder="1" applyAlignment="1">
      <alignment vertical="center"/>
    </xf>
    <xf numFmtId="172" fontId="43" fillId="0" borderId="43" xfId="2" applyNumberFormat="1" applyFont="1" applyBorder="1" applyAlignment="1">
      <alignment vertical="center"/>
    </xf>
    <xf numFmtId="172" fontId="6" fillId="0" borderId="43" xfId="2" applyNumberFormat="1" applyFont="1" applyBorder="1" applyAlignment="1">
      <alignment vertical="center"/>
    </xf>
    <xf numFmtId="172" fontId="6" fillId="0" borderId="43" xfId="5" applyNumberFormat="1" applyFont="1" applyBorder="1" applyAlignment="1">
      <alignment vertical="center"/>
    </xf>
    <xf numFmtId="0" fontId="6" fillId="0" borderId="307" xfId="2" applyFont="1" applyBorder="1" applyAlignment="1">
      <alignment horizontal="left" vertical="center" indent="2"/>
    </xf>
    <xf numFmtId="171" fontId="43" fillId="0" borderId="43" xfId="2" applyNumberFormat="1" applyFont="1" applyBorder="1" applyAlignment="1">
      <alignment vertical="center"/>
    </xf>
    <xf numFmtId="171" fontId="6" fillId="0" borderId="43" xfId="2" applyNumberFormat="1" applyFont="1" applyBorder="1" applyAlignment="1">
      <alignment vertical="center"/>
    </xf>
    <xf numFmtId="171" fontId="43" fillId="0" borderId="48" xfId="2" applyNumberFormat="1" applyFont="1" applyBorder="1" applyAlignment="1">
      <alignment vertical="center"/>
    </xf>
    <xf numFmtId="171" fontId="6" fillId="0" borderId="48" xfId="2" applyNumberFormat="1" applyFont="1" applyBorder="1" applyAlignment="1">
      <alignment vertical="center"/>
    </xf>
    <xf numFmtId="171" fontId="43" fillId="0" borderId="32" xfId="2" applyNumberFormat="1" applyFont="1" applyBorder="1" applyAlignment="1">
      <alignment vertical="center"/>
    </xf>
    <xf numFmtId="171" fontId="6" fillId="0" borderId="32" xfId="2" applyNumberFormat="1" applyFont="1" applyBorder="1" applyAlignment="1">
      <alignment vertical="center"/>
    </xf>
    <xf numFmtId="0" fontId="43" fillId="0" borderId="227" xfId="2" applyFont="1" applyBorder="1" applyAlignment="1">
      <alignment horizontal="left" vertical="center" indent="1"/>
    </xf>
    <xf numFmtId="172" fontId="43" fillId="0" borderId="38" xfId="2" applyNumberFormat="1" applyFont="1" applyBorder="1" applyAlignment="1">
      <alignment vertical="center"/>
    </xf>
    <xf numFmtId="172" fontId="6" fillId="0" borderId="38" xfId="2" applyNumberFormat="1" applyFont="1" applyBorder="1" applyAlignment="1">
      <alignment vertical="center"/>
    </xf>
    <xf numFmtId="0" fontId="6" fillId="0" borderId="307" xfId="2" applyFont="1" applyBorder="1" applyAlignment="1">
      <alignment horizontal="left" vertical="center"/>
    </xf>
    <xf numFmtId="0" fontId="33" fillId="0" borderId="194" xfId="2" applyFont="1" applyBorder="1" applyAlignment="1">
      <alignment horizontal="left" vertical="center" indent="1"/>
    </xf>
    <xf numFmtId="172" fontId="33" fillId="0" borderId="194" xfId="2" applyNumberFormat="1" applyFont="1" applyBorder="1" applyAlignment="1">
      <alignment vertical="center"/>
    </xf>
    <xf numFmtId="172" fontId="33" fillId="0" borderId="194" xfId="5" applyNumberFormat="1" applyFont="1" applyBorder="1" applyAlignment="1">
      <alignment vertical="center"/>
    </xf>
    <xf numFmtId="0" fontId="35" fillId="0" borderId="0" xfId="2" applyFont="1" applyAlignment="1">
      <alignment vertical="center"/>
    </xf>
    <xf numFmtId="0" fontId="44" fillId="20" borderId="313" xfId="2" applyFont="1" applyFill="1" applyBorder="1" applyAlignment="1">
      <alignment vertical="center"/>
    </xf>
    <xf numFmtId="0" fontId="44" fillId="0" borderId="313" xfId="2" applyFont="1" applyBorder="1" applyAlignment="1">
      <alignment vertical="center"/>
    </xf>
    <xf numFmtId="170" fontId="43" fillId="0" borderId="314" xfId="5" applyNumberFormat="1" applyFont="1" applyBorder="1" applyAlignment="1">
      <alignment horizontal="right" vertical="center"/>
    </xf>
    <xf numFmtId="170" fontId="6" fillId="0" borderId="313" xfId="5" applyNumberFormat="1" applyFont="1" applyBorder="1" applyAlignment="1">
      <alignment horizontal="right" vertical="center"/>
    </xf>
    <xf numFmtId="170" fontId="6" fillId="0" borderId="315" xfId="5" applyNumberFormat="1" applyFont="1" applyBorder="1" applyAlignment="1">
      <alignment horizontal="right" vertical="center"/>
    </xf>
    <xf numFmtId="170" fontId="6" fillId="0" borderId="314" xfId="5" applyNumberFormat="1" applyFont="1" applyBorder="1" applyAlignment="1">
      <alignment horizontal="right" vertical="center"/>
    </xf>
    <xf numFmtId="170" fontId="6" fillId="0" borderId="240" xfId="5" applyNumberFormat="1" applyFont="1" applyBorder="1" applyAlignment="1">
      <alignment horizontal="right" vertical="center"/>
    </xf>
    <xf numFmtId="164" fontId="6" fillId="0" borderId="227" xfId="5" applyNumberFormat="1" applyFont="1" applyBorder="1" applyAlignment="1">
      <alignment vertical="center"/>
    </xf>
    <xf numFmtId="164" fontId="6" fillId="0" borderId="243" xfId="5" applyNumberFormat="1" applyFont="1" applyBorder="1" applyAlignment="1">
      <alignment vertical="center"/>
    </xf>
    <xf numFmtId="164" fontId="6" fillId="0" borderId="275" xfId="5" applyNumberFormat="1" applyFont="1" applyBorder="1" applyAlignment="1">
      <alignment vertical="center"/>
    </xf>
    <xf numFmtId="0" fontId="6" fillId="0" borderId="316" xfId="2" applyFont="1" applyBorder="1" applyAlignment="1">
      <alignment horizontal="left" vertical="center" indent="2"/>
    </xf>
    <xf numFmtId="168" fontId="6" fillId="0" borderId="232" xfId="5" applyNumberFormat="1" applyFont="1" applyBorder="1" applyAlignment="1">
      <alignment vertical="center"/>
    </xf>
    <xf numFmtId="168" fontId="6" fillId="0" borderId="318" xfId="5" applyNumberFormat="1" applyFont="1" applyBorder="1" applyAlignment="1">
      <alignment vertical="center"/>
    </xf>
    <xf numFmtId="168" fontId="6" fillId="0" borderId="317" xfId="5" applyNumberFormat="1" applyFont="1" applyBorder="1" applyAlignment="1">
      <alignment vertical="center"/>
    </xf>
    <xf numFmtId="168" fontId="6" fillId="0" borderId="316" xfId="5" applyNumberFormat="1" applyFont="1" applyBorder="1" applyAlignment="1">
      <alignment vertical="center"/>
    </xf>
    <xf numFmtId="168" fontId="6" fillId="0" borderId="245" xfId="5" applyNumberFormat="1" applyFont="1" applyBorder="1" applyAlignment="1">
      <alignment vertical="center"/>
    </xf>
    <xf numFmtId="0" fontId="43" fillId="0" borderId="316" xfId="2" applyFont="1" applyBorder="1" applyAlignment="1">
      <alignment horizontal="left" vertical="center" indent="1"/>
    </xf>
    <xf numFmtId="0" fontId="6" fillId="0" borderId="316" xfId="2" applyFont="1" applyBorder="1" applyAlignment="1">
      <alignment horizontal="left" vertical="center" indent="3"/>
    </xf>
    <xf numFmtId="0" fontId="43" fillId="0" borderId="316" xfId="2" applyFont="1" applyBorder="1" applyAlignment="1">
      <alignment horizontal="left" vertical="center"/>
    </xf>
    <xf numFmtId="0" fontId="6" fillId="0" borderId="234" xfId="2" applyFont="1" applyBorder="1" applyAlignment="1">
      <alignment horizontal="left" vertical="center" indent="2"/>
    </xf>
    <xf numFmtId="164" fontId="6" fillId="0" borderId="234" xfId="5" applyNumberFormat="1" applyFont="1" applyBorder="1" applyAlignment="1">
      <alignment vertical="center"/>
    </xf>
    <xf numFmtId="164" fontId="6" fillId="0" borderId="248" xfId="5" applyNumberFormat="1" applyFont="1" applyBorder="1" applyAlignment="1">
      <alignment vertical="center"/>
    </xf>
    <xf numFmtId="164" fontId="6" fillId="0" borderId="319" xfId="5" applyNumberFormat="1" applyFont="1" applyBorder="1" applyAlignment="1">
      <alignment vertical="center"/>
    </xf>
    <xf numFmtId="164" fontId="6" fillId="0" borderId="313" xfId="5" applyNumberFormat="1" applyFont="1" applyBorder="1" applyAlignment="1">
      <alignment vertical="center"/>
    </xf>
    <xf numFmtId="164" fontId="6" fillId="0" borderId="315" xfId="5" applyNumberFormat="1" applyFont="1" applyBorder="1" applyAlignment="1">
      <alignment vertical="center"/>
    </xf>
    <xf numFmtId="164" fontId="6" fillId="0" borderId="314" xfId="5" applyNumberFormat="1" applyFont="1" applyBorder="1" applyAlignment="1">
      <alignment vertical="center"/>
    </xf>
    <xf numFmtId="164" fontId="6" fillId="0" borderId="240" xfId="5" applyNumberFormat="1" applyFont="1" applyBorder="1" applyAlignment="1">
      <alignment vertical="center"/>
    </xf>
    <xf numFmtId="0" fontId="6" fillId="0" borderId="227" xfId="2" applyFont="1" applyBorder="1" applyAlignment="1">
      <alignment horizontal="left" vertical="center" indent="2"/>
    </xf>
    <xf numFmtId="168" fontId="6" fillId="0" borderId="232" xfId="5" applyNumberFormat="1" applyFont="1" applyFill="1" applyBorder="1" applyAlignment="1">
      <alignment vertical="center"/>
    </xf>
    <xf numFmtId="168" fontId="6" fillId="0" borderId="318" xfId="5" applyNumberFormat="1" applyFont="1" applyFill="1" applyBorder="1" applyAlignment="1">
      <alignment vertical="center"/>
    </xf>
    <xf numFmtId="0" fontId="6" fillId="0" borderId="320" xfId="2" applyFont="1" applyBorder="1" applyAlignment="1">
      <alignment horizontal="left" vertical="center" indent="2"/>
    </xf>
    <xf numFmtId="168" fontId="6" fillId="0" borderId="322" xfId="5" applyNumberFormat="1" applyFont="1" applyFill="1" applyBorder="1" applyAlignment="1">
      <alignment vertical="center"/>
    </xf>
    <xf numFmtId="168" fontId="6" fillId="0" borderId="321" xfId="5" applyNumberFormat="1" applyFont="1" applyBorder="1" applyAlignment="1">
      <alignment vertical="center"/>
    </xf>
    <xf numFmtId="168" fontId="6" fillId="0" borderId="320" xfId="5" applyNumberFormat="1" applyFont="1" applyBorder="1" applyAlignment="1">
      <alignment vertical="center"/>
    </xf>
    <xf numFmtId="0" fontId="6" fillId="0" borderId="232" xfId="2" applyFont="1" applyBorder="1" applyAlignment="1">
      <alignment horizontal="left" vertical="center" indent="2"/>
    </xf>
    <xf numFmtId="168" fontId="6" fillId="0" borderId="245" xfId="5" applyNumberFormat="1" applyFont="1" applyFill="1" applyBorder="1" applyAlignment="1">
      <alignment vertical="center"/>
    </xf>
    <xf numFmtId="168" fontId="6" fillId="0" borderId="246" xfId="5" applyNumberFormat="1" applyFont="1" applyBorder="1" applyAlignment="1">
      <alignment vertical="center"/>
    </xf>
    <xf numFmtId="0" fontId="43" fillId="0" borderId="313" xfId="2" applyFont="1" applyBorder="1" applyAlignment="1">
      <alignment horizontal="left" vertical="center"/>
    </xf>
    <xf numFmtId="168" fontId="6" fillId="0" borderId="29" xfId="5" applyNumberFormat="1" applyFont="1" applyBorder="1" applyAlignment="1">
      <alignment vertical="center"/>
    </xf>
    <xf numFmtId="168" fontId="6" fillId="0" borderId="315" xfId="5" applyNumberFormat="1" applyFont="1" applyBorder="1" applyAlignment="1">
      <alignment vertical="center"/>
    </xf>
    <xf numFmtId="168" fontId="6" fillId="0" borderId="314" xfId="5" applyNumberFormat="1" applyFont="1" applyBorder="1" applyAlignment="1">
      <alignment vertical="center"/>
    </xf>
    <xf numFmtId="168" fontId="6" fillId="0" borderId="313" xfId="5" applyNumberFormat="1" applyFont="1" applyBorder="1" applyAlignment="1">
      <alignment vertical="center"/>
    </xf>
    <xf numFmtId="168" fontId="6" fillId="0" borderId="240" xfId="5" applyNumberFormat="1" applyFont="1" applyBorder="1" applyAlignment="1">
      <alignment vertical="center"/>
    </xf>
    <xf numFmtId="0" fontId="34" fillId="0" borderId="194" xfId="2" applyFont="1" applyBorder="1" applyAlignment="1">
      <alignment horizontal="left" vertical="center" indent="2"/>
    </xf>
    <xf numFmtId="164" fontId="34" fillId="0" borderId="194" xfId="2" applyNumberFormat="1" applyFont="1" applyBorder="1" applyAlignment="1">
      <alignment vertical="center"/>
    </xf>
    <xf numFmtId="164" fontId="34" fillId="0" borderId="194" xfId="5" applyNumberFormat="1" applyFont="1" applyBorder="1" applyAlignment="1">
      <alignment vertical="center"/>
    </xf>
    <xf numFmtId="0" fontId="35" fillId="0" borderId="0" xfId="2" applyFont="1" applyAlignment="1">
      <alignment vertical="center" wrapText="1"/>
    </xf>
    <xf numFmtId="0" fontId="35" fillId="0" borderId="0" xfId="2" applyFont="1" applyAlignment="1">
      <alignment horizontal="left" vertical="center" wrapText="1"/>
    </xf>
    <xf numFmtId="0" fontId="35" fillId="0" borderId="0" xfId="2" quotePrefix="1" applyFont="1" applyAlignment="1">
      <alignment horizontal="left" vertical="center" wrapText="1"/>
    </xf>
    <xf numFmtId="0" fontId="44" fillId="21" borderId="323" xfId="2" applyFont="1" applyFill="1" applyBorder="1" applyAlignment="1">
      <alignment vertical="center"/>
    </xf>
    <xf numFmtId="0" fontId="44" fillId="0" borderId="323" xfId="2" applyFont="1" applyBorder="1" applyAlignment="1">
      <alignment vertical="center"/>
    </xf>
    <xf numFmtId="170" fontId="43" fillId="0" borderId="324" xfId="2" applyNumberFormat="1" applyFont="1" applyBorder="1" applyAlignment="1">
      <alignment horizontal="right" vertical="center"/>
    </xf>
    <xf numFmtId="170" fontId="6" fillId="0" borderId="325" xfId="11" applyNumberFormat="1" applyFont="1" applyBorder="1" applyAlignment="1">
      <alignment horizontal="right" vertical="center"/>
    </xf>
    <xf numFmtId="170" fontId="6" fillId="0" borderId="326" xfId="2" applyNumberFormat="1" applyFont="1" applyBorder="1" applyAlignment="1">
      <alignment horizontal="right" vertical="center"/>
    </xf>
    <xf numFmtId="170" fontId="6" fillId="0" borderId="324" xfId="2" applyNumberFormat="1" applyFont="1" applyBorder="1" applyAlignment="1">
      <alignment horizontal="right" vertical="center"/>
    </xf>
    <xf numFmtId="170" fontId="6" fillId="0" borderId="324" xfId="5" applyNumberFormat="1" applyFont="1" applyBorder="1" applyAlignment="1">
      <alignment horizontal="right" vertical="center"/>
    </xf>
    <xf numFmtId="170" fontId="6" fillId="0" borderId="323" xfId="5" applyNumberFormat="1" applyFont="1" applyBorder="1" applyAlignment="1">
      <alignment horizontal="right" vertical="center"/>
    </xf>
    <xf numFmtId="170" fontId="6" fillId="0" borderId="240" xfId="2" applyNumberFormat="1" applyFont="1" applyBorder="1" applyAlignment="1">
      <alignment horizontal="right" vertical="center"/>
    </xf>
    <xf numFmtId="170" fontId="6" fillId="0" borderId="327" xfId="5" applyNumberFormat="1" applyFont="1" applyBorder="1" applyAlignment="1">
      <alignment horizontal="right" vertical="center"/>
    </xf>
    <xf numFmtId="168" fontId="6" fillId="0" borderId="227" xfId="11" applyNumberFormat="1" applyFont="1" applyBorder="1" applyAlignment="1">
      <alignment vertical="center"/>
    </xf>
    <xf numFmtId="168" fontId="6" fillId="0" borderId="243" xfId="12" applyNumberFormat="1" applyFont="1" applyBorder="1" applyAlignment="1">
      <alignment vertical="center"/>
    </xf>
    <xf numFmtId="168" fontId="6" fillId="0" borderId="275" xfId="12" applyNumberFormat="1" applyFont="1" applyBorder="1" applyAlignment="1">
      <alignment vertical="center"/>
    </xf>
    <xf numFmtId="0" fontId="43" fillId="0" borderId="234" xfId="2" applyFont="1" applyBorder="1" applyAlignment="1">
      <alignment vertical="center"/>
    </xf>
    <xf numFmtId="164" fontId="6" fillId="0" borderId="234" xfId="11" applyNumberFormat="1" applyFont="1" applyBorder="1" applyAlignment="1">
      <alignment vertical="center"/>
    </xf>
    <xf numFmtId="164" fontId="6" fillId="0" borderId="248" xfId="12" applyNumberFormat="1" applyFont="1" applyBorder="1" applyAlignment="1">
      <alignment vertical="center"/>
    </xf>
    <xf numFmtId="164" fontId="6" fillId="0" borderId="319" xfId="12" applyNumberFormat="1" applyFont="1" applyBorder="1" applyAlignment="1">
      <alignment vertical="center"/>
    </xf>
    <xf numFmtId="0" fontId="43" fillId="0" borderId="323" xfId="2" applyFont="1" applyBorder="1" applyAlignment="1">
      <alignment vertical="center"/>
    </xf>
    <xf numFmtId="0" fontId="6" fillId="0" borderId="328" xfId="2" applyFont="1" applyBorder="1" applyAlignment="1">
      <alignment horizontal="left" vertical="center" indent="1"/>
    </xf>
    <xf numFmtId="168" fontId="6" fillId="0" borderId="234" xfId="11" applyNumberFormat="1" applyFont="1" applyBorder="1" applyAlignment="1">
      <alignment vertical="center"/>
    </xf>
    <xf numFmtId="168" fontId="6" fillId="0" borderId="248" xfId="5" applyNumberFormat="1" applyFont="1" applyBorder="1" applyAlignment="1">
      <alignment vertical="center"/>
    </xf>
    <xf numFmtId="168" fontId="6" fillId="0" borderId="319" xfId="5" applyNumberFormat="1" applyFont="1" applyBorder="1" applyAlignment="1">
      <alignment vertical="center"/>
    </xf>
    <xf numFmtId="168" fontId="6" fillId="0" borderId="234" xfId="5" applyNumberFormat="1" applyFont="1" applyBorder="1" applyAlignment="1">
      <alignment vertical="center"/>
    </xf>
    <xf numFmtId="168" fontId="6" fillId="0" borderId="248" xfId="12" applyNumberFormat="1" applyFont="1" applyBorder="1" applyAlignment="1">
      <alignment vertical="center"/>
    </xf>
    <xf numFmtId="168" fontId="6" fillId="0" borderId="319" xfId="12" applyNumberFormat="1" applyFont="1" applyBorder="1" applyAlignment="1">
      <alignment vertical="center"/>
    </xf>
    <xf numFmtId="0" fontId="43" fillId="0" borderId="328" xfId="2" applyFont="1" applyBorder="1" applyAlignment="1">
      <alignment horizontal="left" vertical="center"/>
    </xf>
    <xf numFmtId="0" fontId="43" fillId="0" borderId="234" xfId="2" applyFont="1" applyBorder="1" applyAlignment="1">
      <alignment horizontal="left" vertical="center"/>
    </xf>
    <xf numFmtId="168" fontId="6" fillId="0" borderId="227" xfId="13" applyNumberFormat="1" applyFont="1" applyBorder="1" applyAlignment="1">
      <alignment vertical="center"/>
    </xf>
    <xf numFmtId="164" fontId="6" fillId="0" borderId="234" xfId="13" applyNumberFormat="1" applyFont="1" applyBorder="1" applyAlignment="1">
      <alignment vertical="center"/>
    </xf>
    <xf numFmtId="0" fontId="43" fillId="0" borderId="331" xfId="2" applyFont="1" applyBorder="1" applyAlignment="1">
      <alignment horizontal="left" vertical="center"/>
    </xf>
    <xf numFmtId="174" fontId="41" fillId="0" borderId="194" xfId="5" applyNumberFormat="1" applyFont="1" applyBorder="1" applyAlignment="1">
      <alignment vertical="center"/>
    </xf>
    <xf numFmtId="0" fontId="44" fillId="22" borderId="333" xfId="2" applyFont="1" applyFill="1" applyBorder="1" applyAlignment="1">
      <alignment vertical="center"/>
    </xf>
    <xf numFmtId="0" fontId="44" fillId="0" borderId="334" xfId="2" applyFont="1" applyBorder="1" applyAlignment="1">
      <alignment vertical="center"/>
    </xf>
    <xf numFmtId="164" fontId="43" fillId="0" borderId="335" xfId="2" applyNumberFormat="1" applyFont="1" applyBorder="1" applyAlignment="1">
      <alignment horizontal="right" vertical="center"/>
    </xf>
    <xf numFmtId="164" fontId="6" fillId="0" borderId="29" xfId="5" applyNumberFormat="1" applyFont="1" applyBorder="1" applyAlignment="1">
      <alignment horizontal="right" vertical="center"/>
    </xf>
    <xf numFmtId="164" fontId="6" fillId="0" borderId="336" xfId="2" applyNumberFormat="1" applyFont="1" applyBorder="1" applyAlignment="1">
      <alignment horizontal="right" vertical="center"/>
    </xf>
    <xf numFmtId="164" fontId="6" fillId="0" borderId="335" xfId="2" applyNumberFormat="1" applyFont="1" applyBorder="1" applyAlignment="1">
      <alignment horizontal="right" vertical="center"/>
    </xf>
    <xf numFmtId="164" fontId="6" fillId="0" borderId="335" xfId="5" applyNumberFormat="1" applyFont="1" applyBorder="1" applyAlignment="1">
      <alignment horizontal="right" vertical="center"/>
    </xf>
    <xf numFmtId="164" fontId="6" fillId="0" borderId="337" xfId="5" applyNumberFormat="1" applyFont="1" applyBorder="1" applyAlignment="1">
      <alignment horizontal="right" vertical="center"/>
    </xf>
    <xf numFmtId="164" fontId="6" fillId="0" borderId="240" xfId="2" applyNumberFormat="1" applyFont="1" applyBorder="1" applyAlignment="1">
      <alignment horizontal="right" vertical="center"/>
    </xf>
    <xf numFmtId="164" fontId="6" fillId="0" borderId="336" xfId="5" applyNumberFormat="1" applyFont="1" applyBorder="1" applyAlignment="1">
      <alignment horizontal="right" vertical="center"/>
    </xf>
    <xf numFmtId="0" fontId="43" fillId="0" borderId="227" xfId="2" applyFont="1" applyBorder="1" applyAlignment="1">
      <alignment horizontal="left" vertical="center"/>
    </xf>
    <xf numFmtId="0" fontId="6" fillId="0" borderId="338" xfId="2" applyFont="1" applyBorder="1" applyAlignment="1">
      <alignment horizontal="left" vertical="center" indent="1"/>
    </xf>
    <xf numFmtId="168" fontId="6" fillId="0" borderId="232" xfId="12" applyNumberFormat="1" applyFont="1" applyBorder="1" applyAlignment="1">
      <alignment vertical="center"/>
    </xf>
    <xf numFmtId="168" fontId="19" fillId="0" borderId="232" xfId="12" applyNumberFormat="1" applyFont="1" applyFill="1" applyBorder="1" applyAlignment="1">
      <alignment vertical="center"/>
    </xf>
    <xf numFmtId="0" fontId="43" fillId="0" borderId="338" xfId="2" applyFont="1" applyBorder="1" applyAlignment="1">
      <alignment horizontal="left" vertical="center"/>
    </xf>
    <xf numFmtId="0" fontId="6" fillId="0" borderId="338" xfId="2" applyFont="1" applyBorder="1" applyAlignment="1">
      <alignment horizontal="left" vertical="center"/>
    </xf>
    <xf numFmtId="0" fontId="43" fillId="0" borderId="338" xfId="2" applyFont="1" applyBorder="1" applyAlignment="1">
      <alignment vertical="center"/>
    </xf>
    <xf numFmtId="0" fontId="6" fillId="0" borderId="234" xfId="2" applyFont="1" applyBorder="1" applyAlignment="1">
      <alignment horizontal="left" vertical="center"/>
    </xf>
    <xf numFmtId="164" fontId="6" fillId="0" borderId="234" xfId="2" applyNumberFormat="1" applyFont="1" applyBorder="1" applyAlignment="1">
      <alignment vertical="center"/>
    </xf>
    <xf numFmtId="164" fontId="6" fillId="0" borderId="248" xfId="14" applyNumberFormat="1" applyFont="1" applyBorder="1" applyAlignment="1">
      <alignment vertical="center"/>
    </xf>
    <xf numFmtId="164" fontId="6" fillId="0" borderId="319" xfId="14" applyNumberFormat="1" applyFont="1" applyBorder="1" applyAlignment="1">
      <alignment vertical="center"/>
    </xf>
    <xf numFmtId="164" fontId="6" fillId="0" borderId="29" xfId="5" applyNumberFormat="1" applyFont="1" applyBorder="1" applyAlignment="1">
      <alignment vertical="center"/>
    </xf>
    <xf numFmtId="168" fontId="6" fillId="0" borderId="243" xfId="14" applyNumberFormat="1" applyFont="1" applyBorder="1" applyAlignment="1">
      <alignment vertical="center"/>
    </xf>
    <xf numFmtId="168" fontId="6" fillId="0" borderId="232" xfId="11" applyNumberFormat="1" applyFont="1" applyBorder="1" applyAlignment="1">
      <alignment vertical="center"/>
    </xf>
    <xf numFmtId="0" fontId="43" fillId="0" borderId="338" xfId="2" applyFont="1" applyBorder="1" applyAlignment="1">
      <alignment horizontal="left" vertical="center" indent="1"/>
    </xf>
    <xf numFmtId="0" fontId="6" fillId="0" borderId="338" xfId="2" applyFont="1" applyBorder="1" applyAlignment="1">
      <alignment horizontal="left" vertical="center" indent="2"/>
    </xf>
    <xf numFmtId="168" fontId="19" fillId="0" borderId="232" xfId="11" applyNumberFormat="1" applyFont="1" applyFill="1" applyBorder="1" applyAlignment="1">
      <alignment vertical="center"/>
    </xf>
    <xf numFmtId="168" fontId="6" fillId="0" borderId="275" xfId="14" applyNumberFormat="1" applyFont="1" applyBorder="1" applyAlignment="1">
      <alignment vertical="center"/>
    </xf>
    <xf numFmtId="168" fontId="19" fillId="0" borderId="232" xfId="13" applyNumberFormat="1" applyFont="1" applyFill="1" applyBorder="1" applyAlignment="1">
      <alignment vertical="center"/>
    </xf>
    <xf numFmtId="168" fontId="6" fillId="0" borderId="232" xfId="13" applyNumberFormat="1" applyFont="1" applyBorder="1" applyAlignment="1">
      <alignment vertical="center"/>
    </xf>
    <xf numFmtId="0" fontId="43" fillId="0" borderId="343" xfId="2" applyFont="1" applyBorder="1" applyAlignment="1">
      <alignment vertical="center"/>
    </xf>
    <xf numFmtId="168" fontId="6" fillId="0" borderId="234" xfId="13" applyNumberFormat="1" applyFont="1" applyBorder="1" applyAlignment="1">
      <alignment vertical="center"/>
    </xf>
    <xf numFmtId="0" fontId="33" fillId="0" borderId="194" xfId="2" applyFont="1" applyBorder="1" applyAlignment="1">
      <alignment vertical="center"/>
    </xf>
    <xf numFmtId="164" fontId="33" fillId="0" borderId="194" xfId="5" applyNumberFormat="1" applyFont="1" applyBorder="1" applyAlignment="1">
      <alignment vertical="center"/>
    </xf>
    <xf numFmtId="0" fontId="17" fillId="0" borderId="346" xfId="2" applyFont="1" applyBorder="1" applyAlignment="1">
      <alignment vertical="center"/>
    </xf>
    <xf numFmtId="0" fontId="55" fillId="0" borderId="346" xfId="2" applyFont="1" applyBorder="1"/>
    <xf numFmtId="164" fontId="56" fillId="0" borderId="32" xfId="2" applyNumberFormat="1" applyFont="1" applyBorder="1" applyAlignment="1">
      <alignment vertical="center" wrapText="1"/>
    </xf>
    <xf numFmtId="164" fontId="56" fillId="0" borderId="347" xfId="2" applyNumberFormat="1" applyFont="1" applyBorder="1" applyAlignment="1">
      <alignment horizontal="center" vertical="center" wrapText="1"/>
    </xf>
    <xf numFmtId="164" fontId="56" fillId="0" borderId="33" xfId="2" applyNumberFormat="1" applyFont="1" applyBorder="1" applyAlignment="1">
      <alignment vertical="center" wrapText="1"/>
    </xf>
    <xf numFmtId="164" fontId="57" fillId="0" borderId="32" xfId="2" applyNumberFormat="1" applyFont="1" applyBorder="1" applyAlignment="1">
      <alignment vertical="center" wrapText="1"/>
    </xf>
    <xf numFmtId="164" fontId="57" fillId="0" borderId="347" xfId="2" applyNumberFormat="1" applyFont="1" applyBorder="1" applyAlignment="1">
      <alignment horizontal="center" vertical="center" wrapText="1"/>
    </xf>
    <xf numFmtId="164" fontId="57" fillId="0" borderId="33" xfId="2" applyNumberFormat="1" applyFont="1" applyBorder="1" applyAlignment="1">
      <alignment vertical="center" wrapText="1"/>
    </xf>
    <xf numFmtId="164" fontId="57" fillId="0" borderId="348" xfId="2" applyNumberFormat="1" applyFont="1" applyBorder="1" applyAlignment="1">
      <alignment vertical="center" wrapText="1"/>
    </xf>
    <xf numFmtId="164" fontId="57" fillId="0" borderId="349" xfId="2" applyNumberFormat="1" applyFont="1" applyBorder="1" applyAlignment="1">
      <alignment horizontal="center" vertical="center" wrapText="1"/>
    </xf>
    <xf numFmtId="164" fontId="57" fillId="0" borderId="350" xfId="2" applyNumberFormat="1" applyFont="1" applyBorder="1" applyAlignment="1">
      <alignment vertical="center" wrapText="1"/>
    </xf>
    <xf numFmtId="164" fontId="57" fillId="0" borderId="351" xfId="2" applyNumberFormat="1" applyFont="1" applyBorder="1" applyAlignment="1">
      <alignment vertical="center" wrapText="1"/>
    </xf>
    <xf numFmtId="0" fontId="44" fillId="0" borderId="346" xfId="2" applyFont="1" applyBorder="1" applyAlignment="1">
      <alignment vertical="center"/>
    </xf>
    <xf numFmtId="164" fontId="43" fillId="0" borderId="347" xfId="2" applyNumberFormat="1" applyFont="1" applyBorder="1" applyAlignment="1">
      <alignment horizontal="center" vertical="center"/>
    </xf>
    <xf numFmtId="164" fontId="43" fillId="0" borderId="33" xfId="2" applyNumberFormat="1" applyFont="1" applyBorder="1" applyAlignment="1">
      <alignment horizontal="center" vertical="center"/>
    </xf>
    <xf numFmtId="164" fontId="6" fillId="0" borderId="347" xfId="2" applyNumberFormat="1" applyFont="1" applyBorder="1" applyAlignment="1">
      <alignment horizontal="center" vertical="center"/>
    </xf>
    <xf numFmtId="164" fontId="6" fillId="0" borderId="348" xfId="2" applyNumberFormat="1" applyFont="1" applyBorder="1" applyAlignment="1">
      <alignment horizontal="center" vertical="center"/>
    </xf>
    <xf numFmtId="164" fontId="6" fillId="0" borderId="349" xfId="2" applyNumberFormat="1" applyFont="1" applyBorder="1" applyAlignment="1">
      <alignment horizontal="center" vertical="center"/>
    </xf>
    <xf numFmtId="168" fontId="6" fillId="0" borderId="38" xfId="15" applyNumberFormat="1" applyFont="1" applyBorder="1" applyAlignment="1">
      <alignment vertical="center"/>
    </xf>
    <xf numFmtId="168" fontId="6" fillId="0" borderId="352" xfId="15" applyNumberFormat="1" applyFont="1" applyBorder="1" applyAlignment="1">
      <alignment vertical="center"/>
    </xf>
    <xf numFmtId="168" fontId="6" fillId="0" borderId="39" xfId="15" applyNumberFormat="1" applyFont="1" applyBorder="1" applyAlignment="1">
      <alignment vertical="center"/>
    </xf>
    <xf numFmtId="0" fontId="6" fillId="0" borderId="353" xfId="2" applyFont="1" applyBorder="1" applyAlignment="1">
      <alignment horizontal="left" vertical="center" indent="2"/>
    </xf>
    <xf numFmtId="168" fontId="6" fillId="0" borderId="43" xfId="15" applyNumberFormat="1" applyFont="1" applyBorder="1" applyAlignment="1">
      <alignment vertical="center"/>
    </xf>
    <xf numFmtId="168" fontId="6" fillId="0" borderId="44" xfId="15" applyNumberFormat="1" applyFont="1" applyBorder="1" applyAlignment="1">
      <alignment vertical="center"/>
    </xf>
    <xf numFmtId="0" fontId="43" fillId="0" borderId="353" xfId="2" applyFont="1" applyBorder="1" applyAlignment="1">
      <alignment horizontal="left" vertical="center" indent="1"/>
    </xf>
    <xf numFmtId="164" fontId="6" fillId="0" borderId="43" xfId="15" applyNumberFormat="1" applyFont="1" applyBorder="1" applyAlignment="1">
      <alignment vertical="center"/>
    </xf>
    <xf numFmtId="164" fontId="6" fillId="0" borderId="44" xfId="15" applyNumberFormat="1" applyFont="1" applyBorder="1" applyAlignment="1">
      <alignment vertical="center"/>
    </xf>
    <xf numFmtId="0" fontId="6" fillId="0" borderId="353" xfId="2" applyFont="1" applyBorder="1" applyAlignment="1">
      <alignment horizontal="left" vertical="center" indent="3"/>
    </xf>
    <xf numFmtId="0" fontId="43" fillId="0" borderId="234" xfId="2" applyFont="1" applyBorder="1" applyAlignment="1">
      <alignment horizontal="left" vertical="center" indent="1"/>
    </xf>
    <xf numFmtId="164" fontId="6" fillId="0" borderId="48" xfId="15" applyNumberFormat="1" applyFont="1" applyBorder="1" applyAlignment="1">
      <alignment vertical="center"/>
    </xf>
    <xf numFmtId="164" fontId="6" fillId="0" borderId="355" xfId="15" applyNumberFormat="1" applyFont="1" applyBorder="1" applyAlignment="1">
      <alignment vertical="center"/>
    </xf>
    <xf numFmtId="164" fontId="6" fillId="0" borderId="49" xfId="15" applyNumberFormat="1" applyFont="1" applyBorder="1" applyAlignment="1">
      <alignment vertical="center"/>
    </xf>
    <xf numFmtId="0" fontId="43" fillId="0" borderId="356" xfId="2" applyFont="1" applyBorder="1" applyAlignment="1">
      <alignment horizontal="left" vertical="center" wrapText="1"/>
    </xf>
    <xf numFmtId="168" fontId="6" fillId="0" borderId="32" xfId="15" applyNumberFormat="1" applyFont="1" applyBorder="1" applyAlignment="1">
      <alignment vertical="center"/>
    </xf>
    <xf numFmtId="168" fontId="6" fillId="0" borderId="33" xfId="15" applyNumberFormat="1" applyFont="1" applyBorder="1" applyAlignment="1">
      <alignment vertical="center"/>
    </xf>
    <xf numFmtId="164" fontId="41" fillId="0" borderId="194" xfId="2" applyNumberFormat="1" applyFont="1" applyBorder="1" applyAlignment="1">
      <alignment vertical="center"/>
    </xf>
    <xf numFmtId="164" fontId="41" fillId="0" borderId="194" xfId="5" applyNumberFormat="1" applyFont="1" applyBorder="1" applyAlignment="1">
      <alignment vertical="center"/>
    </xf>
    <xf numFmtId="0" fontId="34" fillId="0" borderId="0" xfId="2" applyFont="1" applyAlignment="1">
      <alignment horizontal="left" vertical="center" wrapText="1"/>
    </xf>
    <xf numFmtId="0" fontId="43" fillId="0" borderId="14" xfId="2" quotePrefix="1" applyFont="1" applyBorder="1" applyAlignment="1">
      <alignment vertical="center"/>
    </xf>
    <xf numFmtId="0" fontId="43" fillId="0" borderId="357" xfId="2" applyFont="1" applyBorder="1" applyAlignment="1">
      <alignment horizontal="centerContinuous" vertical="center"/>
    </xf>
    <xf numFmtId="0" fontId="43" fillId="0" borderId="358" xfId="2" applyFont="1" applyBorder="1" applyAlignment="1">
      <alignment horizontal="centerContinuous" vertical="center"/>
    </xf>
    <xf numFmtId="0" fontId="43" fillId="0" borderId="359" xfId="2" applyFont="1" applyBorder="1" applyAlignment="1">
      <alignment horizontal="centerContinuous" vertical="center"/>
    </xf>
    <xf numFmtId="0" fontId="6" fillId="0" borderId="357" xfId="2" applyFont="1" applyBorder="1" applyAlignment="1">
      <alignment horizontal="centerContinuous" vertical="center"/>
    </xf>
    <xf numFmtId="0" fontId="6" fillId="0" borderId="358" xfId="2" applyFont="1" applyBorder="1" applyAlignment="1">
      <alignment horizontal="centerContinuous" vertical="center"/>
    </xf>
    <xf numFmtId="0" fontId="6" fillId="0" borderId="359" xfId="2" applyFont="1" applyBorder="1" applyAlignment="1">
      <alignment horizontal="centerContinuous" vertical="center"/>
    </xf>
    <xf numFmtId="0" fontId="58" fillId="0" borderId="176" xfId="2" quotePrefix="1" applyFont="1" applyBorder="1" applyAlignment="1">
      <alignment vertical="center"/>
    </xf>
    <xf numFmtId="0" fontId="43" fillId="0" borderId="360" xfId="2" applyFont="1" applyBorder="1" applyAlignment="1">
      <alignment horizontal="center" vertical="center"/>
    </xf>
    <xf numFmtId="0" fontId="43" fillId="0" borderId="361" xfId="2" applyFont="1" applyBorder="1" applyAlignment="1">
      <alignment horizontal="center" vertical="center"/>
    </xf>
    <xf numFmtId="0" fontId="6" fillId="0" borderId="360" xfId="2" applyFont="1" applyBorder="1" applyAlignment="1">
      <alignment horizontal="center" vertical="center"/>
    </xf>
    <xf numFmtId="0" fontId="6" fillId="0" borderId="361" xfId="2" applyFont="1" applyBorder="1" applyAlignment="1">
      <alignment horizontal="center" vertical="center"/>
    </xf>
    <xf numFmtId="0" fontId="58" fillId="0" borderId="362" xfId="2" quotePrefix="1" applyFont="1" applyBorder="1" applyAlignment="1">
      <alignment vertical="center"/>
    </xf>
    <xf numFmtId="0" fontId="43" fillId="0" borderId="363" xfId="2" applyFont="1" applyBorder="1" applyAlignment="1">
      <alignment horizontal="center" vertical="center"/>
    </xf>
    <xf numFmtId="0" fontId="43" fillId="0" borderId="364" xfId="2" applyFont="1" applyBorder="1" applyAlignment="1">
      <alignment horizontal="center" vertical="center"/>
    </xf>
    <xf numFmtId="0" fontId="43" fillId="0" borderId="365" xfId="5" applyNumberFormat="1" applyFont="1" applyFill="1" applyBorder="1" applyAlignment="1">
      <alignment horizontal="center" vertical="center"/>
    </xf>
    <xf numFmtId="0" fontId="6" fillId="0" borderId="363" xfId="2" applyFont="1" applyBorder="1" applyAlignment="1">
      <alignment horizontal="center" vertical="center"/>
    </xf>
    <xf numFmtId="0" fontId="6" fillId="0" borderId="364" xfId="2" applyFont="1" applyBorder="1" applyAlignment="1">
      <alignment horizontal="center" vertical="center"/>
    </xf>
    <xf numFmtId="0" fontId="6" fillId="0" borderId="365" xfId="5" applyNumberFormat="1" applyFont="1" applyBorder="1" applyAlignment="1">
      <alignment horizontal="center" vertical="center"/>
    </xf>
    <xf numFmtId="0" fontId="43" fillId="0" borderId="96" xfId="2" applyFont="1" applyBorder="1" applyAlignment="1">
      <alignment vertical="center"/>
    </xf>
    <xf numFmtId="0" fontId="43" fillId="0" borderId="366" xfId="2" applyFont="1" applyBorder="1" applyAlignment="1">
      <alignment horizontal="center" vertical="center"/>
    </xf>
    <xf numFmtId="0" fontId="43" fillId="0" borderId="367" xfId="2" applyFont="1" applyBorder="1" applyAlignment="1">
      <alignment horizontal="center" vertical="center"/>
    </xf>
    <xf numFmtId="0" fontId="43" fillId="0" borderId="368" xfId="5" applyNumberFormat="1" applyFont="1" applyFill="1" applyBorder="1" applyAlignment="1">
      <alignment horizontal="center" vertical="center"/>
    </xf>
    <xf numFmtId="0" fontId="6" fillId="0" borderId="366" xfId="2" applyFont="1" applyBorder="1" applyAlignment="1">
      <alignment horizontal="center" vertical="center"/>
    </xf>
    <xf numFmtId="0" fontId="6" fillId="0" borderId="367" xfId="2" applyFont="1" applyBorder="1" applyAlignment="1">
      <alignment horizontal="center" vertical="center"/>
    </xf>
    <xf numFmtId="0" fontId="6" fillId="0" borderId="368" xfId="5" applyNumberFormat="1" applyFont="1" applyBorder="1" applyAlignment="1">
      <alignment horizontal="center" vertical="center"/>
    </xf>
    <xf numFmtId="0" fontId="6" fillId="0" borderId="369" xfId="5" applyNumberFormat="1" applyFont="1" applyFill="1" applyBorder="1" applyAlignment="1">
      <alignment horizontal="center" vertical="center"/>
    </xf>
    <xf numFmtId="0" fontId="6" fillId="0" borderId="101" xfId="2" applyFont="1" applyBorder="1" applyAlignment="1">
      <alignment horizontal="left" vertical="center" indent="2"/>
    </xf>
    <xf numFmtId="0" fontId="43" fillId="0" borderId="101" xfId="2" applyFont="1" applyBorder="1" applyAlignment="1">
      <alignment horizontal="left" vertical="center" indent="1"/>
    </xf>
    <xf numFmtId="168" fontId="6" fillId="0" borderId="370" xfId="2" applyNumberFormat="1" applyFont="1" applyBorder="1" applyAlignment="1">
      <alignment vertical="center"/>
    </xf>
    <xf numFmtId="168" fontId="6" fillId="0" borderId="371" xfId="2" applyNumberFormat="1" applyFont="1" applyBorder="1" applyAlignment="1">
      <alignment vertical="center"/>
    </xf>
    <xf numFmtId="0" fontId="6" fillId="0" borderId="150" xfId="2" applyFont="1" applyBorder="1" applyAlignment="1">
      <alignment horizontal="left" vertical="center" indent="2"/>
    </xf>
    <xf numFmtId="168" fontId="43" fillId="0" borderId="374" xfId="2" applyNumberFormat="1" applyFont="1" applyBorder="1" applyAlignment="1">
      <alignment vertical="center"/>
    </xf>
    <xf numFmtId="168" fontId="43" fillId="0" borderId="375" xfId="2" applyNumberFormat="1" applyFont="1" applyBorder="1" applyAlignment="1">
      <alignment vertical="center"/>
    </xf>
    <xf numFmtId="168" fontId="6" fillId="0" borderId="374" xfId="2" applyNumberFormat="1" applyFont="1" applyBorder="1" applyAlignment="1">
      <alignment vertical="center"/>
    </xf>
    <xf numFmtId="168" fontId="6" fillId="0" borderId="375" xfId="2" applyNumberFormat="1" applyFont="1" applyBorder="1" applyAlignment="1">
      <alignment vertical="center"/>
    </xf>
    <xf numFmtId="0" fontId="43" fillId="0" borderId="25" xfId="2" applyFont="1" applyBorder="1" applyAlignment="1">
      <alignment horizontal="left" vertical="center" indent="1"/>
    </xf>
    <xf numFmtId="168" fontId="43" fillId="0" borderId="378" xfId="2" applyNumberFormat="1" applyFont="1" applyBorder="1" applyAlignment="1">
      <alignment vertical="center"/>
    </xf>
    <xf numFmtId="168" fontId="43" fillId="0" borderId="379" xfId="2" applyNumberFormat="1" applyFont="1" applyBorder="1" applyAlignment="1">
      <alignment vertical="center"/>
    </xf>
    <xf numFmtId="168" fontId="6" fillId="0" borderId="378" xfId="2" applyNumberFormat="1" applyFont="1" applyBorder="1" applyAlignment="1">
      <alignment vertical="center"/>
    </xf>
    <xf numFmtId="168" fontId="6" fillId="0" borderId="379" xfId="2" applyNumberFormat="1" applyFont="1" applyBorder="1" applyAlignment="1">
      <alignment vertical="center"/>
    </xf>
    <xf numFmtId="0" fontId="43" fillId="0" borderId="14" xfId="2" applyFont="1" applyBorder="1" applyAlignment="1">
      <alignment vertical="center"/>
    </xf>
    <xf numFmtId="0" fontId="43" fillId="0" borderId="18" xfId="2" applyFont="1" applyBorder="1" applyAlignment="1">
      <alignment vertical="center"/>
    </xf>
    <xf numFmtId="168" fontId="43" fillId="0" borderId="382" xfId="2" applyNumberFormat="1" applyFont="1" applyBorder="1" applyAlignment="1">
      <alignment horizontal="center" vertical="center"/>
    </xf>
    <xf numFmtId="168" fontId="43" fillId="0" borderId="383" xfId="2" applyNumberFormat="1" applyFont="1" applyBorder="1" applyAlignment="1">
      <alignment horizontal="center" vertical="center"/>
    </xf>
    <xf numFmtId="168" fontId="43" fillId="0" borderId="384" xfId="16" applyNumberFormat="1" applyFont="1" applyBorder="1" applyAlignment="1">
      <alignment horizontal="center" vertical="center"/>
    </xf>
    <xf numFmtId="168" fontId="6" fillId="0" borderId="382" xfId="2" applyNumberFormat="1" applyFont="1" applyBorder="1" applyAlignment="1">
      <alignment horizontal="center" vertical="center"/>
    </xf>
    <xf numFmtId="168" fontId="6" fillId="0" borderId="383" xfId="2" applyNumberFormat="1" applyFont="1" applyBorder="1" applyAlignment="1">
      <alignment horizontal="center" vertical="center"/>
    </xf>
    <xf numFmtId="168" fontId="6" fillId="0" borderId="384" xfId="16" applyNumberFormat="1" applyFont="1" applyBorder="1" applyAlignment="1">
      <alignment horizontal="center" vertical="center"/>
    </xf>
    <xf numFmtId="0" fontId="6" fillId="0" borderId="382" xfId="2" applyFont="1" applyBorder="1" applyAlignment="1">
      <alignment horizontal="center" vertical="center"/>
    </xf>
    <xf numFmtId="0" fontId="6" fillId="0" borderId="383" xfId="2" applyFont="1" applyBorder="1" applyAlignment="1">
      <alignment horizontal="center" vertical="center"/>
    </xf>
    <xf numFmtId="168" fontId="43" fillId="0" borderId="386" xfId="2" applyNumberFormat="1" applyFont="1" applyBorder="1" applyAlignment="1">
      <alignment horizontal="center" vertical="center"/>
    </xf>
    <xf numFmtId="168" fontId="43" fillId="0" borderId="387" xfId="2" applyNumberFormat="1" applyFont="1" applyBorder="1" applyAlignment="1">
      <alignment horizontal="center" vertical="center"/>
    </xf>
    <xf numFmtId="168" fontId="43" fillId="0" borderId="388" xfId="16" applyNumberFormat="1" applyFont="1" applyBorder="1" applyAlignment="1">
      <alignment horizontal="center" vertical="center"/>
    </xf>
    <xf numFmtId="168" fontId="6" fillId="0" borderId="386" xfId="2" applyNumberFormat="1" applyFont="1" applyBorder="1" applyAlignment="1">
      <alignment horizontal="center" vertical="center"/>
    </xf>
    <xf numFmtId="168" fontId="6" fillId="0" borderId="387" xfId="2" applyNumberFormat="1" applyFont="1" applyBorder="1" applyAlignment="1">
      <alignment horizontal="center" vertical="center"/>
    </xf>
    <xf numFmtId="168" fontId="6" fillId="0" borderId="388" xfId="16" applyNumberFormat="1" applyFont="1" applyBorder="1" applyAlignment="1">
      <alignment horizontal="center" vertical="center"/>
    </xf>
    <xf numFmtId="0" fontId="6" fillId="0" borderId="386" xfId="2" applyFont="1" applyBorder="1" applyAlignment="1">
      <alignment horizontal="center" vertical="center"/>
    </xf>
    <xf numFmtId="0" fontId="6" fillId="0" borderId="387" xfId="2" applyFont="1" applyBorder="1" applyAlignment="1">
      <alignment horizontal="center" vertical="center"/>
    </xf>
    <xf numFmtId="0" fontId="43" fillId="0" borderId="105" xfId="2" applyFont="1" applyBorder="1" applyAlignment="1">
      <alignment horizontal="left" vertical="center" indent="1"/>
    </xf>
    <xf numFmtId="168" fontId="43" fillId="0" borderId="390" xfId="2" applyNumberFormat="1" applyFont="1" applyBorder="1" applyAlignment="1">
      <alignment vertical="center"/>
    </xf>
    <xf numFmtId="168" fontId="43" fillId="0" borderId="391" xfId="2" applyNumberFormat="1" applyFont="1" applyBorder="1" applyAlignment="1">
      <alignment vertical="center"/>
    </xf>
    <xf numFmtId="168" fontId="43" fillId="0" borderId="392" xfId="2" applyNumberFormat="1" applyFont="1" applyBorder="1" applyAlignment="1">
      <alignment vertical="center"/>
    </xf>
    <xf numFmtId="168" fontId="6" fillId="0" borderId="390" xfId="2" applyNumberFormat="1" applyFont="1" applyBorder="1" applyAlignment="1">
      <alignment vertical="center"/>
    </xf>
    <xf numFmtId="168" fontId="6" fillId="0" borderId="391" xfId="2" applyNumberFormat="1" applyFont="1" applyBorder="1" applyAlignment="1">
      <alignment vertical="center"/>
    </xf>
    <xf numFmtId="168" fontId="6" fillId="0" borderId="392" xfId="2" applyNumberFormat="1" applyFont="1" applyBorder="1" applyAlignment="1">
      <alignment vertical="center"/>
    </xf>
    <xf numFmtId="168" fontId="6" fillId="0" borderId="393" xfId="2" applyNumberFormat="1" applyFont="1" applyBorder="1" applyAlignment="1">
      <alignment vertical="center"/>
    </xf>
    <xf numFmtId="0" fontId="43" fillId="0" borderId="14" xfId="2" applyFont="1" applyBorder="1" applyAlignment="1">
      <alignment horizontal="left" vertical="center"/>
    </xf>
    <xf numFmtId="0" fontId="43" fillId="0" borderId="382" xfId="2" applyFont="1" applyBorder="1" applyAlignment="1">
      <alignment horizontal="center" vertical="center"/>
    </xf>
    <xf numFmtId="0" fontId="43" fillId="0" borderId="383" xfId="2" applyFont="1" applyBorder="1" applyAlignment="1">
      <alignment horizontal="center" vertical="center"/>
    </xf>
    <xf numFmtId="0" fontId="43" fillId="0" borderId="384" xfId="16" applyNumberFormat="1" applyFont="1" applyBorder="1" applyAlignment="1">
      <alignment horizontal="center" vertical="center"/>
    </xf>
    <xf numFmtId="0" fontId="6" fillId="0" borderId="384" xfId="16" applyNumberFormat="1" applyFont="1" applyBorder="1" applyAlignment="1">
      <alignment horizontal="center" vertical="center"/>
    </xf>
    <xf numFmtId="0" fontId="43" fillId="0" borderId="386" xfId="2" applyFont="1" applyBorder="1" applyAlignment="1">
      <alignment horizontal="center" vertical="center"/>
    </xf>
    <xf numFmtId="0" fontId="43" fillId="0" borderId="387" xfId="2" applyFont="1" applyBorder="1" applyAlignment="1">
      <alignment horizontal="center" vertical="center"/>
    </xf>
    <xf numFmtId="0" fontId="43" fillId="0" borderId="388" xfId="16" applyNumberFormat="1" applyFont="1" applyBorder="1" applyAlignment="1">
      <alignment horizontal="center" vertical="center"/>
    </xf>
    <xf numFmtId="0" fontId="6" fillId="0" borderId="388" xfId="16" applyNumberFormat="1" applyFont="1" applyBorder="1" applyAlignment="1">
      <alignment horizontal="center" vertical="center"/>
    </xf>
    <xf numFmtId="168" fontId="6" fillId="0" borderId="372" xfId="16" applyNumberFormat="1" applyFont="1" applyFill="1" applyBorder="1" applyAlignment="1">
      <alignment vertical="center"/>
    </xf>
    <xf numFmtId="0" fontId="34" fillId="0" borderId="13" xfId="2" applyFont="1" applyBorder="1"/>
    <xf numFmtId="0" fontId="33" fillId="0" borderId="13" xfId="2" applyFont="1" applyBorder="1" applyAlignment="1">
      <alignment horizontal="center" vertical="center"/>
    </xf>
    <xf numFmtId="0" fontId="59" fillId="0" borderId="0" xfId="2" quotePrefix="1" applyFont="1" applyAlignment="1">
      <alignment horizontal="left"/>
    </xf>
    <xf numFmtId="0" fontId="59" fillId="0" borderId="0" xfId="2" applyFont="1" applyAlignment="1">
      <alignment horizontal="left"/>
    </xf>
    <xf numFmtId="0" fontId="44" fillId="0" borderId="3" xfId="2" applyFont="1" applyBorder="1" applyAlignment="1">
      <alignment vertical="center"/>
    </xf>
    <xf numFmtId="0" fontId="43" fillId="0" borderId="3" xfId="2" applyFont="1" applyBorder="1" applyAlignment="1">
      <alignment vertical="center"/>
    </xf>
    <xf numFmtId="170" fontId="43" fillId="0" borderId="4" xfId="2" applyNumberFormat="1" applyFont="1" applyBorder="1" applyAlignment="1">
      <alignment horizontal="right" vertical="center"/>
    </xf>
    <xf numFmtId="170" fontId="6" fillId="0" borderId="5" xfId="2" applyNumberFormat="1" applyFont="1" applyBorder="1" applyAlignment="1">
      <alignment horizontal="right" vertical="center"/>
    </xf>
    <xf numFmtId="170" fontId="6" fillId="0" borderId="6" xfId="2" applyNumberFormat="1" applyFont="1" applyBorder="1" applyAlignment="1">
      <alignment horizontal="right" vertical="center"/>
    </xf>
    <xf numFmtId="170" fontId="6" fillId="0" borderId="4" xfId="5" applyNumberFormat="1" applyFont="1" applyBorder="1" applyAlignment="1">
      <alignment horizontal="right" vertical="center"/>
    </xf>
    <xf numFmtId="170" fontId="6" fillId="0" borderId="4" xfId="2" applyNumberFormat="1" applyFont="1" applyBorder="1" applyAlignment="1">
      <alignment horizontal="right" vertical="center"/>
    </xf>
    <xf numFmtId="170" fontId="6" fillId="0" borderId="3" xfId="2" applyNumberFormat="1" applyFont="1" applyBorder="1" applyAlignment="1">
      <alignment horizontal="right" vertical="center"/>
    </xf>
    <xf numFmtId="170" fontId="6" fillId="0" borderId="394" xfId="2" applyNumberFormat="1" applyFont="1" applyBorder="1" applyAlignment="1">
      <alignment horizontal="right" vertical="center"/>
    </xf>
    <xf numFmtId="0" fontId="43" fillId="0" borderId="3" xfId="2" applyFont="1" applyBorder="1" applyAlignment="1">
      <alignment horizontal="left" vertical="center" indent="1"/>
    </xf>
    <xf numFmtId="164" fontId="43" fillId="0" borderId="4" xfId="2" applyNumberFormat="1" applyFont="1" applyBorder="1" applyAlignment="1">
      <alignment vertical="center"/>
    </xf>
    <xf numFmtId="164" fontId="6" fillId="0" borderId="5" xfId="2" applyNumberFormat="1" applyFont="1" applyBorder="1" applyAlignment="1">
      <alignment vertical="center"/>
    </xf>
    <xf numFmtId="164" fontId="6" fillId="0" borderId="6" xfId="2" applyNumberFormat="1" applyFont="1" applyBorder="1" applyAlignment="1">
      <alignment vertical="center"/>
    </xf>
    <xf numFmtId="164" fontId="6" fillId="0" borderId="4" xfId="5" applyNumberFormat="1" applyFont="1" applyBorder="1" applyAlignment="1">
      <alignment vertical="center"/>
    </xf>
    <xf numFmtId="164" fontId="6" fillId="0" borderId="3" xfId="5" applyNumberFormat="1" applyFont="1" applyBorder="1" applyAlignment="1">
      <alignment vertical="center"/>
    </xf>
    <xf numFmtId="164" fontId="6" fillId="0" borderId="394" xfId="5" applyNumberFormat="1" applyFont="1" applyBorder="1" applyAlignment="1">
      <alignment vertical="center"/>
    </xf>
    <xf numFmtId="164" fontId="6" fillId="0" borderId="4" xfId="2" applyNumberFormat="1" applyFont="1" applyBorder="1" applyAlignment="1">
      <alignment vertical="center"/>
    </xf>
    <xf numFmtId="0" fontId="43" fillId="0" borderId="7" xfId="2" applyFont="1" applyBorder="1" applyAlignment="1">
      <alignment horizontal="left" vertical="center" indent="2"/>
    </xf>
    <xf numFmtId="164" fontId="43" fillId="0" borderId="8" xfId="2" applyNumberFormat="1" applyFont="1" applyBorder="1" applyAlignment="1">
      <alignment vertical="center"/>
    </xf>
    <xf numFmtId="164" fontId="6" fillId="0" borderId="9" xfId="2" applyNumberFormat="1" applyFont="1" applyBorder="1" applyAlignment="1">
      <alignment vertical="center"/>
    </xf>
    <xf numFmtId="164" fontId="6" fillId="0" borderId="10" xfId="2" applyNumberFormat="1" applyFont="1" applyBorder="1" applyAlignment="1">
      <alignment vertical="center"/>
    </xf>
    <xf numFmtId="164" fontId="6" fillId="0" borderId="8" xfId="5" applyNumberFormat="1" applyFont="1" applyBorder="1" applyAlignment="1">
      <alignment vertical="center"/>
    </xf>
    <xf numFmtId="164" fontId="6" fillId="0" borderId="7" xfId="5" applyNumberFormat="1" applyFont="1" applyBorder="1" applyAlignment="1">
      <alignment vertical="center"/>
    </xf>
    <xf numFmtId="164" fontId="6" fillId="0" borderId="395" xfId="5" applyNumberFormat="1" applyFont="1" applyBorder="1" applyAlignment="1">
      <alignment vertical="center"/>
    </xf>
    <xf numFmtId="164" fontId="6" fillId="0" borderId="8" xfId="2" applyNumberFormat="1" applyFont="1" applyBorder="1" applyAlignment="1">
      <alignment vertical="center"/>
    </xf>
    <xf numFmtId="0" fontId="6" fillId="0" borderId="11" xfId="2" applyFont="1" applyBorder="1" applyAlignment="1">
      <alignment horizontal="left" vertical="center" indent="4"/>
    </xf>
    <xf numFmtId="0" fontId="43" fillId="0" borderId="11" xfId="2" applyFont="1" applyBorder="1" applyAlignment="1">
      <alignment horizontal="left" vertical="center" indent="3"/>
    </xf>
    <xf numFmtId="0" fontId="43" fillId="0" borderId="11" xfId="2" applyFont="1" applyBorder="1" applyAlignment="1">
      <alignment horizontal="left" vertical="center" indent="2"/>
    </xf>
    <xf numFmtId="0" fontId="6" fillId="0" borderId="11" xfId="2" applyFont="1" applyBorder="1" applyAlignment="1">
      <alignment horizontal="left" vertical="center" indent="3"/>
    </xf>
    <xf numFmtId="0" fontId="43" fillId="0" borderId="12" xfId="2" applyFont="1" applyBorder="1" applyAlignment="1">
      <alignment horizontal="left" vertical="center" indent="2"/>
    </xf>
    <xf numFmtId="0" fontId="43" fillId="0" borderId="396" xfId="2" applyFont="1" applyBorder="1" applyAlignment="1">
      <alignment horizontal="left" vertical="center" indent="1"/>
    </xf>
    <xf numFmtId="168" fontId="6" fillId="0" borderId="14" xfId="2" applyNumberFormat="1" applyFont="1" applyBorder="1" applyAlignment="1">
      <alignment vertical="center"/>
    </xf>
    <xf numFmtId="0" fontId="43" fillId="0" borderId="14" xfId="2" applyFont="1" applyBorder="1" applyAlignment="1">
      <alignment horizontal="left" vertical="center" indent="1"/>
    </xf>
    <xf numFmtId="164" fontId="43" fillId="0" borderId="397" xfId="2" applyNumberFormat="1" applyFont="1" applyBorder="1" applyAlignment="1">
      <alignment vertical="center"/>
    </xf>
    <xf numFmtId="164" fontId="6" fillId="0" borderId="14" xfId="2" applyNumberFormat="1" applyFont="1" applyBorder="1" applyAlignment="1">
      <alignment vertical="center"/>
    </xf>
    <xf numFmtId="164" fontId="6" fillId="0" borderId="16" xfId="2" applyNumberFormat="1" applyFont="1" applyBorder="1" applyAlignment="1">
      <alignment vertical="center"/>
    </xf>
    <xf numFmtId="164" fontId="6" fillId="0" borderId="397" xfId="2" applyNumberFormat="1" applyFont="1" applyBorder="1" applyAlignment="1">
      <alignment vertical="center"/>
    </xf>
    <xf numFmtId="0" fontId="6" fillId="0" borderId="11" xfId="2" applyFont="1" applyBorder="1" applyAlignment="1">
      <alignment horizontal="left" vertical="center" indent="2"/>
    </xf>
    <xf numFmtId="0" fontId="43" fillId="0" borderId="11" xfId="2" applyFont="1" applyBorder="1" applyAlignment="1">
      <alignment horizontal="left" vertical="center" indent="1"/>
    </xf>
    <xf numFmtId="0" fontId="43" fillId="0" borderId="12" xfId="2" applyFont="1" applyBorder="1" applyAlignment="1">
      <alignment horizontal="left" vertical="center" indent="1"/>
    </xf>
    <xf numFmtId="0" fontId="43" fillId="0" borderId="3" xfId="2" applyFont="1" applyBorder="1" applyAlignment="1">
      <alignment horizontal="left" vertical="center"/>
    </xf>
    <xf numFmtId="0" fontId="33" fillId="0" borderId="13" xfId="2" applyFont="1" applyBorder="1" applyAlignment="1">
      <alignment horizontal="left" vertical="center" indent="2"/>
    </xf>
    <xf numFmtId="164" fontId="33" fillId="0" borderId="13" xfId="2" applyNumberFormat="1" applyFont="1" applyBorder="1" applyAlignment="1">
      <alignment vertical="center"/>
    </xf>
    <xf numFmtId="164" fontId="33" fillId="0" borderId="13" xfId="5" applyNumberFormat="1" applyFont="1" applyBorder="1" applyAlignment="1">
      <alignment vertical="center"/>
    </xf>
    <xf numFmtId="164" fontId="33" fillId="0" borderId="13" xfId="2" applyNumberFormat="1" applyFont="1" applyBorder="1" applyAlignment="1">
      <alignment horizontal="right" vertical="center" indent="3"/>
    </xf>
    <xf numFmtId="0" fontId="33" fillId="0" borderId="0" xfId="2" applyFont="1" applyAlignment="1">
      <alignment vertical="top"/>
    </xf>
    <xf numFmtId="0" fontId="34" fillId="0" borderId="0" xfId="2" quotePrefix="1" applyFont="1" applyAlignment="1">
      <alignment horizontal="left" vertical="top"/>
    </xf>
    <xf numFmtId="0" fontId="34" fillId="0" borderId="0" xfId="2" applyFont="1" applyAlignment="1">
      <alignment horizontal="left" vertical="top"/>
    </xf>
    <xf numFmtId="164" fontId="43" fillId="0" borderId="399" xfId="2" applyNumberFormat="1" applyFont="1" applyBorder="1" applyAlignment="1">
      <alignment horizontal="right"/>
    </xf>
    <xf numFmtId="164" fontId="43" fillId="0" borderId="400" xfId="2" applyNumberFormat="1" applyFont="1" applyBorder="1" applyAlignment="1">
      <alignment horizontal="right"/>
    </xf>
    <xf numFmtId="164" fontId="43" fillId="0" borderId="398" xfId="2" applyNumberFormat="1" applyFont="1" applyBorder="1" applyAlignment="1">
      <alignment horizontal="right"/>
    </xf>
    <xf numFmtId="167" fontId="43" fillId="0" borderId="401" xfId="2" applyNumberFormat="1" applyFont="1" applyBorder="1" applyAlignment="1">
      <alignment horizontal="right"/>
    </xf>
    <xf numFmtId="167" fontId="6" fillId="0" borderId="401" xfId="2" applyNumberFormat="1" applyFont="1" applyBorder="1" applyAlignment="1">
      <alignment horizontal="right"/>
    </xf>
    <xf numFmtId="167" fontId="6" fillId="0" borderId="402" xfId="2" applyNumberFormat="1" applyFont="1" applyBorder="1" applyAlignment="1">
      <alignment horizontal="right"/>
    </xf>
    <xf numFmtId="0" fontId="44" fillId="0" borderId="403" xfId="2" applyFont="1" applyBorder="1" applyAlignment="1">
      <alignment vertical="center"/>
    </xf>
    <xf numFmtId="164" fontId="43" fillId="0" borderId="404" xfId="2" quotePrefix="1" applyNumberFormat="1" applyFont="1" applyBorder="1" applyAlignment="1">
      <alignment horizontal="right" vertical="top"/>
    </xf>
    <xf numFmtId="164" fontId="43" fillId="0" borderId="405" xfId="2" applyNumberFormat="1" applyFont="1" applyBorder="1" applyAlignment="1">
      <alignment horizontal="right" vertical="top"/>
    </xf>
    <xf numFmtId="164" fontId="43" fillId="0" borderId="405" xfId="5" applyNumberFormat="1" applyFont="1" applyBorder="1" applyAlignment="1">
      <alignment horizontal="right" vertical="top"/>
    </xf>
    <xf numFmtId="164" fontId="43" fillId="0" borderId="405" xfId="5" applyNumberFormat="1" applyFont="1" applyBorder="1" applyAlignment="1">
      <alignment horizontal="right" vertical="top" wrapText="1"/>
    </xf>
    <xf numFmtId="164" fontId="43" fillId="0" borderId="403" xfId="5" applyNumberFormat="1" applyFont="1" applyBorder="1" applyAlignment="1">
      <alignment horizontal="right" vertical="top"/>
    </xf>
    <xf numFmtId="164" fontId="43" fillId="0" borderId="406" xfId="5" applyNumberFormat="1" applyFont="1" applyBorder="1" applyAlignment="1">
      <alignment horizontal="right" vertical="top"/>
    </xf>
    <xf numFmtId="164" fontId="6" fillId="0" borderId="406" xfId="5" applyNumberFormat="1" applyFont="1" applyBorder="1" applyAlignment="1">
      <alignment horizontal="right" vertical="top"/>
    </xf>
    <xf numFmtId="164" fontId="6" fillId="0" borderId="407" xfId="5" applyNumberFormat="1" applyFont="1" applyBorder="1" applyAlignment="1">
      <alignment horizontal="right" vertical="top"/>
    </xf>
    <xf numFmtId="0" fontId="17" fillId="0" borderId="408" xfId="2" applyFont="1" applyBorder="1" applyAlignment="1">
      <alignment vertical="center"/>
    </xf>
    <xf numFmtId="164" fontId="6" fillId="0" borderId="409" xfId="2" applyNumberFormat="1" applyFont="1" applyBorder="1" applyAlignment="1">
      <alignment vertical="center"/>
    </xf>
    <xf numFmtId="164" fontId="6" fillId="0" borderId="410" xfId="2" applyNumberFormat="1" applyFont="1" applyBorder="1" applyAlignment="1">
      <alignment vertical="center"/>
    </xf>
    <xf numFmtId="164" fontId="6" fillId="0" borderId="410" xfId="5" applyNumberFormat="1" applyFont="1" applyBorder="1" applyAlignment="1">
      <alignment vertical="center"/>
    </xf>
    <xf numFmtId="164" fontId="6" fillId="0" borderId="408" xfId="5" applyNumberFormat="1" applyFont="1" applyBorder="1" applyAlignment="1">
      <alignment vertical="center"/>
    </xf>
    <xf numFmtId="164" fontId="43" fillId="0" borderId="411" xfId="5" applyNumberFormat="1" applyFont="1" applyBorder="1" applyAlignment="1">
      <alignment vertical="center"/>
    </xf>
    <xf numFmtId="164" fontId="6" fillId="0" borderId="411" xfId="5" applyNumberFormat="1" applyFont="1" applyBorder="1" applyAlignment="1">
      <alignment vertical="center"/>
    </xf>
    <xf numFmtId="168" fontId="6" fillId="0" borderId="243" xfId="2" applyNumberFormat="1" applyFont="1" applyBorder="1" applyAlignment="1">
      <alignment vertical="center"/>
    </xf>
    <xf numFmtId="0" fontId="6" fillId="0" borderId="412" xfId="2" applyFont="1" applyBorder="1" applyAlignment="1">
      <alignment horizontal="left" vertical="center" indent="1"/>
    </xf>
    <xf numFmtId="0" fontId="6" fillId="0" borderId="412" xfId="2" applyFont="1" applyBorder="1" applyAlignment="1">
      <alignment horizontal="left" vertical="center"/>
    </xf>
    <xf numFmtId="0" fontId="6" fillId="0" borderId="234" xfId="2" applyFont="1" applyBorder="1" applyAlignment="1">
      <alignment horizontal="left" vertical="center" indent="3"/>
    </xf>
    <xf numFmtId="168" fontId="6" fillId="0" borderId="248" xfId="2" applyNumberFormat="1" applyFont="1" applyBorder="1" applyAlignment="1">
      <alignment vertical="center"/>
    </xf>
    <xf numFmtId="168" fontId="6" fillId="0" borderId="319" xfId="2" applyNumberFormat="1" applyFont="1" applyBorder="1" applyAlignment="1">
      <alignment vertical="center"/>
    </xf>
    <xf numFmtId="0" fontId="6" fillId="0" borderId="234" xfId="2" applyFont="1" applyBorder="1" applyAlignment="1">
      <alignment vertical="center"/>
    </xf>
    <xf numFmtId="168" fontId="6" fillId="0" borderId="245" xfId="2" applyNumberFormat="1" applyFont="1" applyBorder="1" applyAlignment="1">
      <alignment vertical="center"/>
    </xf>
    <xf numFmtId="168" fontId="6" fillId="0" borderId="246" xfId="2" applyNumberFormat="1" applyFont="1" applyBorder="1" applyAlignment="1">
      <alignment vertical="center"/>
    </xf>
    <xf numFmtId="0" fontId="6" fillId="0" borderId="413" xfId="2" applyFont="1" applyBorder="1" applyAlignment="1">
      <alignment horizontal="left" vertical="center" indent="1"/>
    </xf>
    <xf numFmtId="0" fontId="6" fillId="0" borderId="415" xfId="2" applyFont="1" applyBorder="1" applyAlignment="1">
      <alignment horizontal="left" vertical="center"/>
    </xf>
    <xf numFmtId="0" fontId="43" fillId="0" borderId="416" xfId="2" applyFont="1" applyBorder="1" applyAlignment="1">
      <alignment vertical="center"/>
    </xf>
    <xf numFmtId="0" fontId="44" fillId="0" borderId="416" xfId="2" applyFont="1" applyBorder="1" applyAlignment="1">
      <alignment horizontal="left" vertical="center"/>
    </xf>
    <xf numFmtId="170" fontId="43" fillId="0" borderId="417" xfId="2" applyNumberFormat="1" applyFont="1" applyBorder="1" applyAlignment="1">
      <alignment horizontal="right" vertical="center"/>
    </xf>
    <xf numFmtId="170" fontId="6" fillId="0" borderId="416" xfId="2" applyNumberFormat="1" applyFont="1" applyBorder="1" applyAlignment="1">
      <alignment horizontal="right" vertical="center"/>
    </xf>
    <xf numFmtId="170" fontId="6" fillId="0" borderId="418" xfId="2" applyNumberFormat="1" applyFont="1" applyBorder="1" applyAlignment="1">
      <alignment horizontal="right" vertical="center"/>
    </xf>
    <xf numFmtId="170" fontId="6" fillId="0" borderId="417" xfId="5" applyNumberFormat="1" applyFont="1" applyBorder="1" applyAlignment="1">
      <alignment horizontal="right" vertical="center"/>
    </xf>
    <xf numFmtId="170" fontId="6" fillId="0" borderId="417" xfId="2" applyNumberFormat="1" applyFont="1" applyBorder="1" applyAlignment="1">
      <alignment horizontal="right" vertical="center"/>
    </xf>
    <xf numFmtId="170" fontId="6" fillId="0" borderId="29" xfId="2" applyNumberFormat="1" applyFont="1" applyBorder="1" applyAlignment="1">
      <alignment horizontal="right" vertical="center"/>
    </xf>
    <xf numFmtId="170" fontId="6" fillId="0" borderId="419" xfId="2" applyNumberFormat="1" applyFont="1" applyBorder="1" applyAlignment="1">
      <alignment horizontal="right" vertical="center"/>
    </xf>
    <xf numFmtId="0" fontId="43" fillId="0" borderId="227" xfId="2" applyFont="1" applyBorder="1" applyAlignment="1">
      <alignment horizontal="left" vertical="center" wrapText="1"/>
    </xf>
    <xf numFmtId="164" fontId="43" fillId="0" borderId="275" xfId="2" applyNumberFormat="1" applyFont="1" applyBorder="1" applyAlignment="1">
      <alignment horizontal="right" vertical="center"/>
    </xf>
    <xf numFmtId="164" fontId="6" fillId="0" borderId="227" xfId="2" applyNumberFormat="1" applyFont="1" applyBorder="1" applyAlignment="1">
      <alignment horizontal="right" vertical="center"/>
    </xf>
    <xf numFmtId="164" fontId="6" fillId="0" borderId="243" xfId="2" applyNumberFormat="1" applyFont="1" applyBorder="1" applyAlignment="1">
      <alignment horizontal="right" vertical="center"/>
    </xf>
    <xf numFmtId="164" fontId="6" fillId="0" borderId="275" xfId="5" applyNumberFormat="1" applyFont="1" applyBorder="1" applyAlignment="1">
      <alignment horizontal="right" vertical="center"/>
    </xf>
    <xf numFmtId="164" fontId="6" fillId="0" borderId="275" xfId="2" applyNumberFormat="1" applyFont="1" applyBorder="1" applyAlignment="1">
      <alignment horizontal="right" vertical="center"/>
    </xf>
    <xf numFmtId="0" fontId="6" fillId="0" borderId="420" xfId="2" applyFont="1" applyBorder="1" applyAlignment="1">
      <alignment horizontal="left" vertical="center" indent="1"/>
    </xf>
    <xf numFmtId="0" fontId="6" fillId="0" borderId="232" xfId="2" applyFont="1" applyBorder="1" applyAlignment="1">
      <alignment horizontal="left" vertical="center" indent="1"/>
    </xf>
    <xf numFmtId="168" fontId="43" fillId="0" borderId="246" xfId="2" applyNumberFormat="1" applyFont="1" applyBorder="1" applyAlignment="1">
      <alignment vertical="center"/>
    </xf>
    <xf numFmtId="0" fontId="43" fillId="0" borderId="421" xfId="2" applyFont="1" applyBorder="1" applyAlignment="1">
      <alignment horizontal="left" vertical="center" wrapText="1"/>
    </xf>
    <xf numFmtId="0" fontId="43" fillId="0" borderId="423" xfId="2" applyFont="1" applyBorder="1" applyAlignment="1">
      <alignment horizontal="left" vertical="center"/>
    </xf>
    <xf numFmtId="168" fontId="6" fillId="0" borderId="29" xfId="2" applyNumberFormat="1" applyFont="1" applyBorder="1" applyAlignment="1">
      <alignment vertical="center"/>
    </xf>
    <xf numFmtId="0" fontId="15" fillId="23" borderId="424" xfId="2" applyFont="1" applyFill="1" applyBorder="1" applyAlignment="1">
      <alignment horizontal="left" vertical="center"/>
    </xf>
    <xf numFmtId="174" fontId="44" fillId="0" borderId="424" xfId="5" applyNumberFormat="1" applyFont="1" applyBorder="1" applyAlignment="1">
      <alignment horizontal="left" vertical="center"/>
    </xf>
    <xf numFmtId="170" fontId="20" fillId="0" borderId="425" xfId="2" applyNumberFormat="1" applyFont="1" applyBorder="1" applyAlignment="1">
      <alignment horizontal="right" vertical="center"/>
    </xf>
    <xf numFmtId="170" fontId="19" fillId="0" borderId="424" xfId="2" applyNumberFormat="1" applyFont="1" applyBorder="1" applyAlignment="1">
      <alignment horizontal="right" vertical="center"/>
    </xf>
    <xf numFmtId="170" fontId="19" fillId="0" borderId="426" xfId="2" applyNumberFormat="1" applyFont="1" applyBorder="1" applyAlignment="1">
      <alignment horizontal="right" vertical="center"/>
    </xf>
    <xf numFmtId="170" fontId="19" fillId="0" borderId="425" xfId="2" applyNumberFormat="1" applyFont="1" applyBorder="1" applyAlignment="1">
      <alignment horizontal="right" vertical="center"/>
    </xf>
    <xf numFmtId="170" fontId="19" fillId="0" borderId="29" xfId="2" applyNumberFormat="1" applyFont="1" applyBorder="1" applyAlignment="1">
      <alignment horizontal="right" vertical="center"/>
    </xf>
    <xf numFmtId="170" fontId="19" fillId="0" borderId="427" xfId="2" applyNumberFormat="1" applyFont="1" applyBorder="1" applyAlignment="1">
      <alignment horizontal="right" vertical="center"/>
    </xf>
    <xf numFmtId="168" fontId="6" fillId="0" borderId="227" xfId="2" applyNumberFormat="1" applyFont="1" applyBorder="1" applyAlignment="1">
      <alignment horizontal="right" vertical="center"/>
    </xf>
    <xf numFmtId="0" fontId="43" fillId="0" borderId="429" xfId="2" applyFont="1" applyBorder="1" applyAlignment="1">
      <alignment horizontal="left" vertical="center"/>
    </xf>
    <xf numFmtId="0" fontId="6" fillId="0" borderId="429" xfId="2" applyFont="1" applyBorder="1" applyAlignment="1">
      <alignment horizontal="left" vertical="center"/>
    </xf>
    <xf numFmtId="164" fontId="43" fillId="0" borderId="428" xfId="2" applyNumberFormat="1" applyFont="1" applyBorder="1" applyAlignment="1">
      <alignment horizontal="right" vertical="center"/>
    </xf>
    <xf numFmtId="164" fontId="6" fillId="0" borderId="429" xfId="2" applyNumberFormat="1" applyFont="1" applyBorder="1" applyAlignment="1">
      <alignment horizontal="right" vertical="center"/>
    </xf>
    <xf numFmtId="164" fontId="6" fillId="0" borderId="430" xfId="2" applyNumberFormat="1" applyFont="1" applyBorder="1" applyAlignment="1">
      <alignment horizontal="right" vertical="center"/>
    </xf>
    <xf numFmtId="164" fontId="6" fillId="0" borderId="428" xfId="2" applyNumberFormat="1" applyFont="1" applyBorder="1" applyAlignment="1">
      <alignment horizontal="right" vertical="center"/>
    </xf>
    <xf numFmtId="164" fontId="6" fillId="0" borderId="431" xfId="2" applyNumberFormat="1" applyFont="1" applyBorder="1" applyAlignment="1">
      <alignment horizontal="right" vertical="center"/>
    </xf>
    <xf numFmtId="164" fontId="6" fillId="0" borderId="330" xfId="17" applyNumberFormat="1" applyFont="1" applyBorder="1" applyAlignment="1">
      <alignment horizontal="right" vertical="center"/>
    </xf>
    <xf numFmtId="0" fontId="6" fillId="0" borderId="429" xfId="2" applyFont="1" applyBorder="1" applyAlignment="1">
      <alignment horizontal="left" vertical="center" indent="1"/>
    </xf>
    <xf numFmtId="171" fontId="6" fillId="0" borderId="232" xfId="2" applyNumberFormat="1" applyFont="1" applyBorder="1" applyAlignment="1">
      <alignment horizontal="right" vertical="center"/>
    </xf>
    <xf numFmtId="171" fontId="6" fillId="0" borderId="431" xfId="2" applyNumberFormat="1" applyFont="1" applyBorder="1" applyAlignment="1">
      <alignment horizontal="right" vertical="center"/>
    </xf>
    <xf numFmtId="171" fontId="6" fillId="0" borderId="330" xfId="17" applyNumberFormat="1" applyFont="1" applyBorder="1" applyAlignment="1">
      <alignment horizontal="right" vertical="center"/>
    </xf>
    <xf numFmtId="172" fontId="43" fillId="0" borderId="428" xfId="2" applyNumberFormat="1" applyFont="1" applyBorder="1" applyAlignment="1">
      <alignment horizontal="right" vertical="center"/>
    </xf>
    <xf numFmtId="172" fontId="6" fillId="0" borderId="429" xfId="2" applyNumberFormat="1" applyFont="1" applyBorder="1" applyAlignment="1">
      <alignment horizontal="right" vertical="center"/>
    </xf>
    <xf numFmtId="172" fontId="6" fillId="0" borderId="430" xfId="2" applyNumberFormat="1" applyFont="1" applyBorder="1" applyAlignment="1">
      <alignment horizontal="right" vertical="center"/>
    </xf>
    <xf numFmtId="172" fontId="6" fillId="0" borderId="428" xfId="2" applyNumberFormat="1" applyFont="1" applyBorder="1" applyAlignment="1">
      <alignment horizontal="right" vertical="center"/>
    </xf>
    <xf numFmtId="172" fontId="6" fillId="0" borderId="232" xfId="2" applyNumberFormat="1" applyFont="1" applyBorder="1" applyAlignment="1">
      <alignment horizontal="right" vertical="center"/>
    </xf>
    <xf numFmtId="172" fontId="6" fillId="0" borderId="431" xfId="2" applyNumberFormat="1" applyFont="1" applyBorder="1" applyAlignment="1">
      <alignment horizontal="right" vertical="center"/>
    </xf>
    <xf numFmtId="172" fontId="6" fillId="0" borderId="330" xfId="17" applyNumberFormat="1" applyFont="1" applyBorder="1" applyAlignment="1">
      <alignment horizontal="right" vertical="center"/>
    </xf>
    <xf numFmtId="172" fontId="43" fillId="0" borderId="246" xfId="2" applyNumberFormat="1" applyFont="1" applyBorder="1" applyAlignment="1">
      <alignment horizontal="right" vertical="center"/>
    </xf>
    <xf numFmtId="169" fontId="6" fillId="0" borderId="232" xfId="2" applyNumberFormat="1" applyFont="1" applyBorder="1" applyAlignment="1">
      <alignment horizontal="right" vertical="center"/>
    </xf>
    <xf numFmtId="169" fontId="6" fillId="0" borderId="431" xfId="2" applyNumberFormat="1" applyFont="1" applyBorder="1" applyAlignment="1">
      <alignment horizontal="right" vertical="center"/>
    </xf>
    <xf numFmtId="169" fontId="6" fillId="0" borderId="330" xfId="17" applyNumberFormat="1" applyFont="1" applyBorder="1" applyAlignment="1">
      <alignment horizontal="right" vertical="center"/>
    </xf>
    <xf numFmtId="168" fontId="43" fillId="0" borderId="428" xfId="2" quotePrefix="1" applyNumberFormat="1" applyFont="1" applyBorder="1" applyAlignment="1">
      <alignment horizontal="right" vertical="center"/>
    </xf>
    <xf numFmtId="168" fontId="6" fillId="0" borderId="429" xfId="2" quotePrefix="1" applyNumberFormat="1" applyFont="1" applyBorder="1" applyAlignment="1">
      <alignment horizontal="right" vertical="center"/>
    </xf>
    <xf numFmtId="168" fontId="43" fillId="0" borderId="433" xfId="2" applyNumberFormat="1" applyFont="1" applyBorder="1" applyAlignment="1">
      <alignment horizontal="right" vertical="center"/>
    </xf>
    <xf numFmtId="0" fontId="35" fillId="0" borderId="194" xfId="2" applyFont="1" applyBorder="1" applyAlignment="1">
      <alignment horizontal="left" vertical="center" indent="1"/>
    </xf>
    <xf numFmtId="164" fontId="35" fillId="0" borderId="194" xfId="2" applyNumberFormat="1" applyFont="1" applyBorder="1" applyAlignment="1">
      <alignment horizontal="right" vertical="center"/>
    </xf>
    <xf numFmtId="0" fontId="47" fillId="8" borderId="434" xfId="2" applyFont="1" applyFill="1" applyBorder="1" applyAlignment="1">
      <alignment vertical="center"/>
    </xf>
    <xf numFmtId="0" fontId="44" fillId="0" borderId="434" xfId="2" applyFont="1" applyBorder="1" applyAlignment="1">
      <alignment vertical="center"/>
    </xf>
    <xf numFmtId="170" fontId="26" fillId="0" borderId="435" xfId="2" applyNumberFormat="1" applyFont="1" applyBorder="1" applyAlignment="1">
      <alignment horizontal="right" vertical="center"/>
    </xf>
    <xf numFmtId="170" fontId="27" fillId="0" borderId="434" xfId="2" applyNumberFormat="1" applyFont="1" applyBorder="1" applyAlignment="1">
      <alignment horizontal="right" vertical="center"/>
    </xf>
    <xf numFmtId="170" fontId="27" fillId="0" borderId="436" xfId="2" applyNumberFormat="1" applyFont="1" applyBorder="1" applyAlignment="1">
      <alignment horizontal="right" vertical="center"/>
    </xf>
    <xf numFmtId="170" fontId="27" fillId="0" borderId="435" xfId="2" applyNumberFormat="1" applyFont="1" applyBorder="1" applyAlignment="1">
      <alignment horizontal="right" vertical="center"/>
    </xf>
    <xf numFmtId="170" fontId="27" fillId="0" borderId="436" xfId="5" applyNumberFormat="1" applyFont="1" applyBorder="1" applyAlignment="1">
      <alignment horizontal="right" vertical="center"/>
    </xf>
    <xf numFmtId="170" fontId="27" fillId="0" borderId="435" xfId="5" applyNumberFormat="1" applyFont="1" applyBorder="1" applyAlignment="1">
      <alignment horizontal="right" vertical="center"/>
    </xf>
    <xf numFmtId="170" fontId="27" fillId="0" borderId="436" xfId="5" applyNumberFormat="1" applyFont="1" applyBorder="1" applyAlignment="1">
      <alignment vertical="center"/>
    </xf>
    <xf numFmtId="170" fontId="27" fillId="0" borderId="437" xfId="5" applyNumberFormat="1" applyFont="1" applyBorder="1" applyAlignment="1">
      <alignment vertical="center"/>
    </xf>
    <xf numFmtId="170" fontId="27" fillId="0" borderId="435" xfId="5" applyNumberFormat="1" applyFont="1" applyBorder="1" applyAlignment="1">
      <alignment vertical="center"/>
    </xf>
    <xf numFmtId="170" fontId="27" fillId="0" borderId="435" xfId="2" applyNumberFormat="1" applyFont="1" applyBorder="1" applyAlignment="1">
      <alignment vertical="center"/>
    </xf>
    <xf numFmtId="0" fontId="17" fillId="0" borderId="434" xfId="2" applyFont="1" applyBorder="1" applyAlignment="1">
      <alignment vertical="center"/>
    </xf>
    <xf numFmtId="0" fontId="26" fillId="0" borderId="435" xfId="2" applyFont="1" applyBorder="1"/>
    <xf numFmtId="0" fontId="27" fillId="0" borderId="434" xfId="2" applyFont="1" applyBorder="1"/>
    <xf numFmtId="0" fontId="26" fillId="0" borderId="436" xfId="2" applyFont="1" applyBorder="1"/>
    <xf numFmtId="0" fontId="26" fillId="0" borderId="434" xfId="2" applyFont="1" applyBorder="1"/>
    <xf numFmtId="0" fontId="26" fillId="0" borderId="436" xfId="5" applyNumberFormat="1" applyFont="1" applyBorder="1" applyAlignment="1"/>
    <xf numFmtId="0" fontId="26" fillId="0" borderId="435" xfId="5" applyNumberFormat="1" applyFont="1" applyBorder="1" applyAlignment="1"/>
    <xf numFmtId="0" fontId="26" fillId="0" borderId="437" xfId="5" applyNumberFormat="1" applyFont="1" applyBorder="1" applyAlignment="1"/>
    <xf numFmtId="0" fontId="26" fillId="0" borderId="18" xfId="2" applyFont="1" applyBorder="1" applyAlignment="1">
      <alignment horizontal="left" vertical="center" indent="1"/>
    </xf>
    <xf numFmtId="164" fontId="26" fillId="0" borderId="213" xfId="2" applyNumberFormat="1" applyFont="1" applyBorder="1"/>
    <xf numFmtId="164" fontId="27" fillId="0" borderId="18" xfId="2" applyNumberFormat="1" applyFont="1" applyBorder="1"/>
    <xf numFmtId="164" fontId="27" fillId="0" borderId="146" xfId="2" applyNumberFormat="1" applyFont="1" applyBorder="1"/>
    <xf numFmtId="164" fontId="27" fillId="0" borderId="213" xfId="2" applyNumberFormat="1" applyFont="1" applyBorder="1"/>
    <xf numFmtId="174" fontId="27" fillId="0" borderId="146" xfId="5" applyNumberFormat="1" applyFont="1" applyBorder="1" applyAlignment="1"/>
    <xf numFmtId="174" fontId="27" fillId="0" borderId="213" xfId="5" applyNumberFormat="1" applyFont="1" applyBorder="1" applyAlignment="1"/>
    <xf numFmtId="174" fontId="27" fillId="0" borderId="18" xfId="5" applyNumberFormat="1" applyFont="1" applyBorder="1" applyAlignment="1"/>
    <xf numFmtId="0" fontId="27" fillId="0" borderId="438" xfId="2" applyFont="1" applyBorder="1" applyAlignment="1">
      <alignment horizontal="left" vertical="center" indent="2"/>
    </xf>
    <xf numFmtId="0" fontId="26" fillId="0" borderId="438" xfId="2" applyFont="1" applyBorder="1" applyAlignment="1">
      <alignment horizontal="left" vertical="center" indent="1"/>
    </xf>
    <xf numFmtId="0" fontId="27" fillId="0" borderId="438" xfId="2" applyFont="1" applyBorder="1" applyAlignment="1">
      <alignment horizontal="left" vertical="center" indent="1"/>
    </xf>
    <xf numFmtId="0" fontId="27" fillId="0" borderId="25" xfId="2" applyFont="1" applyBorder="1" applyAlignment="1">
      <alignment horizontal="left" vertical="center" indent="1"/>
    </xf>
    <xf numFmtId="172" fontId="26" fillId="0" borderId="210" xfId="2" applyNumberFormat="1" applyFont="1" applyBorder="1" applyAlignment="1">
      <alignment horizontal="right"/>
    </xf>
    <xf numFmtId="172" fontId="27" fillId="0" borderId="25" xfId="2" applyNumberFormat="1" applyFont="1" applyBorder="1"/>
    <xf numFmtId="164" fontId="27" fillId="0" borderId="211" xfId="2" applyNumberFormat="1" applyFont="1" applyBorder="1"/>
    <xf numFmtId="172" fontId="27" fillId="0" borderId="210" xfId="2" applyNumberFormat="1" applyFont="1" applyBorder="1"/>
    <xf numFmtId="164" fontId="26" fillId="0" borderId="213" xfId="2" applyNumberFormat="1" applyFont="1" applyBorder="1" applyAlignment="1">
      <alignment horizontal="right"/>
    </xf>
    <xf numFmtId="172" fontId="27" fillId="0" borderId="211" xfId="2" applyNumberFormat="1" applyFont="1" applyBorder="1"/>
    <xf numFmtId="0" fontId="17" fillId="0" borderId="434" xfId="2" applyFont="1" applyBorder="1" applyAlignment="1">
      <alignment horizontal="left" vertical="center"/>
    </xf>
    <xf numFmtId="0" fontId="27" fillId="0" borderId="439" xfId="2" applyFont="1" applyBorder="1" applyAlignment="1">
      <alignment horizontal="left" vertical="center" indent="1"/>
    </xf>
    <xf numFmtId="0" fontId="50" fillId="0" borderId="13" xfId="2" applyFont="1" applyBorder="1" applyAlignment="1">
      <alignment horizontal="left" vertical="center" indent="1"/>
    </xf>
    <xf numFmtId="172" fontId="45" fillId="0" borderId="13" xfId="2" applyNumberFormat="1" applyFont="1" applyBorder="1" applyAlignment="1">
      <alignment vertical="center"/>
    </xf>
    <xf numFmtId="164" fontId="45" fillId="0" borderId="13" xfId="2" applyNumberFormat="1" applyFont="1" applyBorder="1" applyAlignment="1">
      <alignment vertical="center"/>
    </xf>
    <xf numFmtId="172" fontId="45" fillId="0" borderId="13" xfId="5" applyNumberFormat="1" applyFont="1" applyBorder="1" applyAlignment="1">
      <alignment vertical="center"/>
    </xf>
    <xf numFmtId="172" fontId="45" fillId="0" borderId="13" xfId="5" applyNumberFormat="1" applyFont="1" applyFill="1" applyBorder="1" applyAlignment="1">
      <alignment vertical="center"/>
    </xf>
    <xf numFmtId="0" fontId="26" fillId="7" borderId="440" xfId="2" applyFont="1" applyFill="1" applyBorder="1" applyAlignment="1">
      <alignment horizontal="left" vertical="center"/>
    </xf>
    <xf numFmtId="0" fontId="26" fillId="0" borderId="441" xfId="2" applyFont="1" applyBorder="1" applyAlignment="1">
      <alignment horizontal="right" vertical="center"/>
    </xf>
    <xf numFmtId="0" fontId="27" fillId="0" borderId="440" xfId="2" applyFont="1" applyBorder="1" applyAlignment="1">
      <alignment horizontal="right" vertical="center"/>
    </xf>
    <xf numFmtId="0" fontId="27" fillId="0" borderId="442" xfId="5" applyNumberFormat="1" applyFont="1" applyBorder="1" applyAlignment="1">
      <alignment horizontal="right" vertical="center"/>
    </xf>
    <xf numFmtId="0" fontId="27" fillId="0" borderId="441" xfId="5" applyNumberFormat="1" applyFont="1" applyBorder="1" applyAlignment="1">
      <alignment horizontal="right" vertical="center"/>
    </xf>
    <xf numFmtId="0" fontId="27" fillId="0" borderId="440" xfId="5" applyNumberFormat="1" applyFont="1" applyBorder="1" applyAlignment="1">
      <alignment horizontal="right" vertical="center"/>
    </xf>
    <xf numFmtId="170" fontId="27" fillId="0" borderId="442" xfId="5" applyNumberFormat="1" applyFont="1" applyBorder="1" applyAlignment="1">
      <alignment horizontal="right" vertical="center"/>
    </xf>
    <xf numFmtId="0" fontId="27" fillId="0" borderId="442" xfId="5" applyNumberFormat="1" applyFont="1" applyBorder="1" applyAlignment="1">
      <alignment vertical="center"/>
    </xf>
    <xf numFmtId="0" fontId="27" fillId="0" borderId="440" xfId="5" applyNumberFormat="1" applyFont="1" applyBorder="1" applyAlignment="1">
      <alignment vertical="center"/>
    </xf>
    <xf numFmtId="0" fontId="27" fillId="0" borderId="441" xfId="5" applyNumberFormat="1" applyFont="1" applyBorder="1" applyAlignment="1">
      <alignment vertical="center"/>
    </xf>
    <xf numFmtId="0" fontId="27" fillId="0" borderId="441" xfId="2" applyFont="1" applyBorder="1" applyAlignment="1">
      <alignment vertical="center"/>
    </xf>
    <xf numFmtId="0" fontId="26" fillId="0" borderId="113" xfId="2" applyFont="1" applyBorder="1" applyAlignment="1">
      <alignment horizontal="right" vertical="center"/>
    </xf>
    <xf numFmtId="0" fontId="27" fillId="0" borderId="443" xfId="2" applyFont="1" applyBorder="1" applyAlignment="1">
      <alignment horizontal="left" vertical="center"/>
    </xf>
    <xf numFmtId="0" fontId="26" fillId="0" borderId="443" xfId="2" applyFont="1" applyBorder="1" applyAlignment="1">
      <alignment horizontal="left" vertical="center"/>
    </xf>
    <xf numFmtId="0" fontId="26" fillId="0" borderId="80" xfId="2" applyFont="1" applyBorder="1" applyAlignment="1">
      <alignment horizontal="left" vertical="center"/>
    </xf>
    <xf numFmtId="0" fontId="17" fillId="0" borderId="440" xfId="2" applyFont="1" applyBorder="1" applyAlignment="1">
      <alignment horizontal="left" vertical="center"/>
    </xf>
    <xf numFmtId="0" fontId="27" fillId="0" borderId="443" xfId="2" applyFont="1" applyBorder="1" applyAlignment="1">
      <alignment horizontal="left" vertical="center" indent="1"/>
    </xf>
    <xf numFmtId="0" fontId="26" fillId="0" borderId="444" xfId="2" applyFont="1" applyBorder="1" applyAlignment="1">
      <alignment horizontal="left" vertical="center"/>
    </xf>
    <xf numFmtId="0" fontId="45" fillId="0" borderId="13" xfId="2" applyFont="1" applyBorder="1" applyAlignment="1">
      <alignment vertical="center"/>
    </xf>
    <xf numFmtId="0" fontId="45" fillId="0" borderId="13" xfId="5" applyNumberFormat="1" applyFont="1" applyBorder="1" applyAlignment="1">
      <alignment vertical="center"/>
    </xf>
    <xf numFmtId="170" fontId="26" fillId="0" borderId="441" xfId="2" applyNumberFormat="1" applyFont="1" applyBorder="1" applyAlignment="1">
      <alignment horizontal="right" vertical="center"/>
    </xf>
    <xf numFmtId="170" fontId="27" fillId="0" borderId="440" xfId="2" applyNumberFormat="1" applyFont="1" applyBorder="1" applyAlignment="1">
      <alignment horizontal="right" vertical="center"/>
    </xf>
    <xf numFmtId="170" fontId="27" fillId="0" borderId="442" xfId="5" applyNumberFormat="1" applyFont="1" applyFill="1" applyBorder="1" applyAlignment="1">
      <alignment horizontal="right" vertical="center"/>
    </xf>
    <xf numFmtId="170" fontId="27" fillId="0" borderId="441" xfId="5" applyNumberFormat="1" applyFont="1" applyFill="1" applyBorder="1" applyAlignment="1">
      <alignment horizontal="right" vertical="center"/>
    </xf>
    <xf numFmtId="170" fontId="27" fillId="0" borderId="440" xfId="5" applyNumberFormat="1" applyFont="1" applyFill="1" applyBorder="1" applyAlignment="1">
      <alignment horizontal="right" vertical="center"/>
    </xf>
    <xf numFmtId="170" fontId="27" fillId="0" borderId="442" xfId="5" applyNumberFormat="1" applyFont="1" applyFill="1" applyBorder="1" applyAlignment="1">
      <alignment vertical="center"/>
    </xf>
    <xf numFmtId="170" fontId="27" fillId="0" borderId="440" xfId="5" applyNumberFormat="1" applyFont="1" applyFill="1" applyBorder="1" applyAlignment="1">
      <alignment vertical="center"/>
    </xf>
    <xf numFmtId="170" fontId="27" fillId="0" borderId="441" xfId="5" applyNumberFormat="1" applyFont="1" applyFill="1" applyBorder="1" applyAlignment="1">
      <alignment vertical="center"/>
    </xf>
    <xf numFmtId="170" fontId="27" fillId="0" borderId="441" xfId="2" applyNumberFormat="1" applyFont="1" applyBorder="1" applyAlignment="1">
      <alignment vertical="center"/>
    </xf>
    <xf numFmtId="164" fontId="26" fillId="0" borderId="441" xfId="2" applyNumberFormat="1" applyFont="1" applyBorder="1" applyAlignment="1">
      <alignment vertical="center"/>
    </xf>
    <xf numFmtId="164" fontId="26" fillId="0" borderId="440" xfId="2" applyNumberFormat="1" applyFont="1" applyBorder="1" applyAlignment="1">
      <alignment vertical="center"/>
    </xf>
    <xf numFmtId="174" fontId="26" fillId="0" borderId="442" xfId="5" applyNumberFormat="1" applyFont="1" applyFill="1" applyBorder="1" applyAlignment="1">
      <alignment vertical="center"/>
    </xf>
    <xf numFmtId="174" fontId="26" fillId="0" borderId="441" xfId="5" applyNumberFormat="1" applyFont="1" applyFill="1" applyBorder="1" applyAlignment="1">
      <alignment vertical="center"/>
    </xf>
    <xf numFmtId="174" fontId="26" fillId="0" borderId="440" xfId="5" applyNumberFormat="1" applyFont="1" applyFill="1" applyBorder="1" applyAlignment="1">
      <alignment vertical="center"/>
    </xf>
    <xf numFmtId="174" fontId="27" fillId="0" borderId="442" xfId="5" applyNumberFormat="1" applyFont="1" applyFill="1" applyBorder="1" applyAlignment="1">
      <alignment vertical="center"/>
    </xf>
    <xf numFmtId="174" fontId="27" fillId="0" borderId="440" xfId="5" applyNumberFormat="1" applyFont="1" applyFill="1" applyBorder="1" applyAlignment="1">
      <alignment vertical="center"/>
    </xf>
    <xf numFmtId="0" fontId="36" fillId="0" borderId="68" xfId="2" applyFont="1" applyBorder="1" applyAlignment="1">
      <alignment horizontal="left" vertical="center" indent="1"/>
    </xf>
    <xf numFmtId="0" fontId="26" fillId="7" borderId="445" xfId="19" applyFont="1" applyFill="1" applyBorder="1" applyAlignment="1">
      <alignment horizontal="left" vertical="center"/>
    </xf>
    <xf numFmtId="0" fontId="44" fillId="0" borderId="446" xfId="19" applyFont="1" applyBorder="1" applyAlignment="1">
      <alignment horizontal="left" vertical="center"/>
    </xf>
    <xf numFmtId="0" fontId="26" fillId="0" borderId="447" xfId="20" applyNumberFormat="1" applyFont="1" applyBorder="1" applyAlignment="1">
      <alignment horizontal="right" vertical="center"/>
    </xf>
    <xf numFmtId="0" fontId="27" fillId="0" borderId="83" xfId="20" applyNumberFormat="1" applyFont="1" applyBorder="1" applyAlignment="1">
      <alignment horizontal="right" vertical="center"/>
    </xf>
    <xf numFmtId="0" fontId="27" fillId="0" borderId="448" xfId="20" applyNumberFormat="1" applyFont="1" applyBorder="1" applyAlignment="1">
      <alignment horizontal="right" vertical="center"/>
    </xf>
    <xf numFmtId="0" fontId="27" fillId="0" borderId="447" xfId="20" applyNumberFormat="1" applyFont="1" applyBorder="1" applyAlignment="1">
      <alignment horizontal="right" vertical="center"/>
    </xf>
    <xf numFmtId="0" fontId="27" fillId="0" borderId="446" xfId="20" applyNumberFormat="1" applyFont="1" applyBorder="1" applyAlignment="1">
      <alignment horizontal="right" vertical="center"/>
    </xf>
    <xf numFmtId="170" fontId="27" fillId="0" borderId="449" xfId="20" applyNumberFormat="1" applyFont="1" applyBorder="1" applyAlignment="1">
      <alignment horizontal="right" vertical="center"/>
    </xf>
    <xf numFmtId="0" fontId="27" fillId="0" borderId="450" xfId="20" applyNumberFormat="1" applyFont="1" applyBorder="1" applyAlignment="1">
      <alignment horizontal="right" vertical="center"/>
    </xf>
    <xf numFmtId="0" fontId="27" fillId="0" borderId="451" xfId="20" applyNumberFormat="1" applyFont="1" applyBorder="1" applyAlignment="1">
      <alignment vertical="center"/>
    </xf>
    <xf numFmtId="0" fontId="27" fillId="0" borderId="447" xfId="19" applyFont="1" applyBorder="1" applyAlignment="1">
      <alignment vertical="center"/>
    </xf>
    <xf numFmtId="0" fontId="17" fillId="0" borderId="452" xfId="2" applyFont="1" applyBorder="1" applyAlignment="1">
      <alignment vertical="center"/>
    </xf>
    <xf numFmtId="170" fontId="20" fillId="0" borderId="453" xfId="2" applyNumberFormat="1" applyFont="1" applyBorder="1" applyAlignment="1">
      <alignment horizontal="right" vertical="center"/>
    </xf>
    <xf numFmtId="170" fontId="19" fillId="0" borderId="454" xfId="2" applyNumberFormat="1" applyFont="1" applyBorder="1" applyAlignment="1">
      <alignment horizontal="right" vertical="center"/>
    </xf>
    <xf numFmtId="170" fontId="19" fillId="0" borderId="455" xfId="2" applyNumberFormat="1" applyFont="1" applyBorder="1" applyAlignment="1">
      <alignment horizontal="right" vertical="center"/>
    </xf>
    <xf numFmtId="170" fontId="19" fillId="0" borderId="453" xfId="2" applyNumberFormat="1" applyFont="1" applyBorder="1" applyAlignment="1">
      <alignment horizontal="right" vertical="center"/>
    </xf>
    <xf numFmtId="164" fontId="19" fillId="0" borderId="455" xfId="2" quotePrefix="1" applyNumberFormat="1" applyFont="1" applyBorder="1" applyAlignment="1">
      <alignment horizontal="right" vertical="center"/>
    </xf>
    <xf numFmtId="164" fontId="19" fillId="0" borderId="453" xfId="2" applyNumberFormat="1" applyFont="1" applyBorder="1" applyAlignment="1">
      <alignment horizontal="right" vertical="center"/>
    </xf>
    <xf numFmtId="164" fontId="19" fillId="0" borderId="455" xfId="2" applyNumberFormat="1" applyFont="1" applyBorder="1" applyAlignment="1">
      <alignment horizontal="right" vertical="center"/>
    </xf>
    <xf numFmtId="164" fontId="19" fillId="0" borderId="454" xfId="2" applyNumberFormat="1" applyFont="1" applyBorder="1" applyAlignment="1">
      <alignment horizontal="right" vertical="center"/>
    </xf>
    <xf numFmtId="0" fontId="43" fillId="0" borderId="456" xfId="2" applyFont="1" applyBorder="1" applyAlignment="1">
      <alignment horizontal="left" vertical="center"/>
    </xf>
    <xf numFmtId="168" fontId="26" fillId="0" borderId="457" xfId="20" quotePrefix="1" applyNumberFormat="1" applyFont="1" applyFill="1" applyBorder="1" applyAlignment="1">
      <alignment vertical="center" wrapText="1"/>
    </xf>
    <xf numFmtId="168" fontId="27" fillId="0" borderId="458" xfId="20" quotePrefix="1" applyNumberFormat="1" applyFont="1" applyFill="1" applyBorder="1" applyAlignment="1">
      <alignment vertical="center" wrapText="1"/>
    </xf>
    <xf numFmtId="168" fontId="27" fillId="0" borderId="459" xfId="20" applyNumberFormat="1" applyFont="1" applyFill="1" applyBorder="1" applyAlignment="1">
      <alignment vertical="center"/>
    </xf>
    <xf numFmtId="168" fontId="27" fillId="0" borderId="457" xfId="20" applyNumberFormat="1" applyFont="1" applyFill="1" applyBorder="1" applyAlignment="1">
      <alignment vertical="center"/>
    </xf>
    <xf numFmtId="168" fontId="27" fillId="0" borderId="458" xfId="20" applyNumberFormat="1" applyFont="1" applyFill="1" applyBorder="1" applyAlignment="1">
      <alignment vertical="center"/>
    </xf>
    <xf numFmtId="168" fontId="27" fillId="0" borderId="459" xfId="19" applyNumberFormat="1" applyFont="1" applyBorder="1" applyAlignment="1">
      <alignment vertical="center"/>
    </xf>
    <xf numFmtId="168" fontId="27" fillId="0" borderId="457" xfId="19" applyNumberFormat="1" applyFont="1" applyBorder="1" applyAlignment="1">
      <alignment vertical="center"/>
    </xf>
    <xf numFmtId="0" fontId="6" fillId="0" borderId="460" xfId="2" applyFont="1" applyBorder="1" applyAlignment="1">
      <alignment horizontal="left" vertical="center"/>
    </xf>
    <xf numFmtId="168" fontId="27" fillId="0" borderId="461" xfId="20" applyNumberFormat="1" applyFont="1" applyFill="1" applyBorder="1" applyAlignment="1">
      <alignment vertical="center"/>
    </xf>
    <xf numFmtId="0" fontId="6" fillId="0" borderId="460" xfId="2" applyFont="1" applyBorder="1" applyAlignment="1">
      <alignment horizontal="left" vertical="center" indent="1"/>
    </xf>
    <xf numFmtId="0" fontId="43" fillId="0" borderId="460" xfId="2" applyFont="1" applyBorder="1" applyAlignment="1">
      <alignment horizontal="left" vertical="center"/>
    </xf>
    <xf numFmtId="168" fontId="27" fillId="0" borderId="461" xfId="19" applyNumberFormat="1" applyFont="1" applyBorder="1" applyAlignment="1">
      <alignment vertical="center"/>
    </xf>
    <xf numFmtId="169" fontId="27" fillId="0" borderId="461" xfId="20" applyNumberFormat="1" applyFont="1" applyFill="1" applyBorder="1" applyAlignment="1">
      <alignment vertical="center"/>
    </xf>
    <xf numFmtId="0" fontId="43" fillId="0" borderId="462" xfId="2" applyFont="1" applyBorder="1" applyAlignment="1">
      <alignment horizontal="left" vertical="center" indent="2"/>
    </xf>
    <xf numFmtId="164" fontId="43" fillId="0" borderId="463" xfId="2" applyNumberFormat="1" applyFont="1" applyBorder="1" applyAlignment="1">
      <alignment vertical="center"/>
    </xf>
    <xf numFmtId="164" fontId="6" fillId="0" borderId="464" xfId="2" applyNumberFormat="1" applyFont="1" applyBorder="1" applyAlignment="1">
      <alignment vertical="center"/>
    </xf>
    <xf numFmtId="164" fontId="6" fillId="0" borderId="465" xfId="2" applyNumberFormat="1" applyFont="1" applyBorder="1" applyAlignment="1">
      <alignment vertical="center"/>
    </xf>
    <xf numFmtId="164" fontId="6" fillId="0" borderId="463" xfId="2" applyNumberFormat="1" applyFont="1" applyBorder="1" applyAlignment="1">
      <alignment vertical="center"/>
    </xf>
    <xf numFmtId="0" fontId="17" fillId="0" borderId="466" xfId="2" applyFont="1" applyBorder="1" applyAlignment="1">
      <alignment vertical="center"/>
    </xf>
    <xf numFmtId="164" fontId="19" fillId="0" borderId="467" xfId="2" quotePrefix="1" applyNumberFormat="1" applyFont="1" applyBorder="1" applyAlignment="1">
      <alignment horizontal="right" vertical="center"/>
    </xf>
    <xf numFmtId="0" fontId="26" fillId="0" borderId="468" xfId="2" applyFont="1" applyBorder="1" applyAlignment="1">
      <alignment horizontal="left" vertical="center"/>
    </xf>
    <xf numFmtId="0" fontId="61" fillId="0" borderId="194" xfId="19" applyBorder="1"/>
    <xf numFmtId="0" fontId="6" fillId="0" borderId="67" xfId="2" applyFont="1" applyBorder="1" applyAlignment="1">
      <alignment horizontal="left" vertical="center" wrapText="1" indent="2"/>
    </xf>
    <xf numFmtId="0" fontId="6" fillId="0" borderId="67" xfId="2" applyFont="1" applyBorder="1" applyAlignment="1">
      <alignment horizontal="left" vertical="center" wrapText="1" indent="1"/>
    </xf>
    <xf numFmtId="0" fontId="6" fillId="0" borderId="99" xfId="2" applyFont="1" applyBorder="1" applyAlignment="1" applyProtection="1">
      <alignment horizontal="left" vertical="center" wrapText="1" indent="1"/>
      <protection locked="0"/>
    </xf>
    <xf numFmtId="0" fontId="27" fillId="0" borderId="115" xfId="2" applyFont="1" applyBorder="1" applyAlignment="1" applyProtection="1">
      <alignment horizontal="left" vertical="center" wrapText="1" indent="1"/>
      <protection locked="0"/>
    </xf>
    <xf numFmtId="0" fontId="27" fillId="0" borderId="115" xfId="2" applyFont="1" applyBorder="1" applyAlignment="1">
      <alignment horizontal="left" vertical="center" wrapText="1" indent="1"/>
    </xf>
    <xf numFmtId="0" fontId="6" fillId="0" borderId="161" xfId="2" applyFont="1" applyBorder="1" applyAlignment="1" applyProtection="1">
      <alignment horizontal="left" vertical="center" wrapText="1" indent="1"/>
      <protection locked="0"/>
    </xf>
    <xf numFmtId="0" fontId="43" fillId="0" borderId="192" xfId="2" applyFont="1" applyBorder="1" applyAlignment="1" applyProtection="1">
      <alignment vertical="center" wrapText="1"/>
      <protection locked="0"/>
    </xf>
    <xf numFmtId="0" fontId="43" fillId="0" borderId="193" xfId="2" applyFont="1" applyBorder="1" applyAlignment="1" applyProtection="1">
      <alignment vertical="center" wrapText="1"/>
      <protection locked="0"/>
    </xf>
    <xf numFmtId="0" fontId="43" fillId="0" borderId="209" xfId="2" applyFont="1" applyBorder="1" applyAlignment="1">
      <alignment vertical="center" wrapText="1"/>
    </xf>
    <xf numFmtId="0" fontId="19" fillId="0" borderId="244" xfId="2" applyFont="1" applyBorder="1" applyAlignment="1">
      <alignment horizontal="left" vertical="center" wrapText="1" indent="1"/>
    </xf>
    <xf numFmtId="0" fontId="43" fillId="0" borderId="276" xfId="2" applyFont="1" applyBorder="1" applyAlignment="1">
      <alignment vertical="center" wrapText="1"/>
    </xf>
    <xf numFmtId="0" fontId="6" fillId="0" borderId="276" xfId="2" applyFont="1" applyBorder="1" applyAlignment="1">
      <alignment horizontal="left" vertical="center" wrapText="1" indent="1"/>
    </xf>
    <xf numFmtId="164" fontId="43" fillId="0" borderId="302" xfId="2" applyNumberFormat="1" applyFont="1" applyBorder="1" applyAlignment="1">
      <alignment horizontal="center" vertical="center" wrapText="1"/>
    </xf>
    <xf numFmtId="164" fontId="6" fillId="0" borderId="33" xfId="2" applyNumberFormat="1" applyFont="1" applyBorder="1" applyAlignment="1">
      <alignment horizontal="center" vertical="center" wrapText="1"/>
    </xf>
    <xf numFmtId="164" fontId="6" fillId="0" borderId="303" xfId="2" applyNumberFormat="1" applyFont="1" applyBorder="1" applyAlignment="1">
      <alignment horizontal="center" vertical="center" wrapText="1"/>
    </xf>
    <xf numFmtId="0" fontId="6" fillId="0" borderId="307" xfId="2" applyFont="1" applyBorder="1" applyAlignment="1">
      <alignment horizontal="left" vertical="center" wrapText="1"/>
    </xf>
    <xf numFmtId="0" fontId="43" fillId="0" borderId="312" xfId="2" applyFont="1" applyBorder="1" applyAlignment="1">
      <alignment horizontal="left" vertical="center" wrapText="1"/>
    </xf>
    <xf numFmtId="0" fontId="6" fillId="0" borderId="338" xfId="2" applyFont="1" applyBorder="1" applyAlignment="1">
      <alignment horizontal="left" vertical="center" wrapText="1"/>
    </xf>
    <xf numFmtId="0" fontId="43" fillId="0" borderId="333" xfId="2" applyFont="1" applyBorder="1" applyAlignment="1">
      <alignment horizontal="left" vertical="center" wrapText="1"/>
    </xf>
    <xf numFmtId="0" fontId="43" fillId="0" borderId="338" xfId="2" applyFont="1" applyBorder="1" applyAlignment="1">
      <alignment vertical="center" wrapText="1"/>
    </xf>
    <xf numFmtId="0" fontId="43" fillId="0" borderId="149" xfId="2" quotePrefix="1" applyFont="1" applyBorder="1" applyAlignment="1">
      <alignment vertical="center" wrapText="1"/>
    </xf>
    <xf numFmtId="0" fontId="43" fillId="0" borderId="14" xfId="2" applyFont="1" applyBorder="1" applyAlignment="1">
      <alignment horizontal="left" vertical="center" wrapText="1"/>
    </xf>
    <xf numFmtId="0" fontId="43" fillId="0" borderId="398" xfId="2" applyFont="1" applyBorder="1" applyAlignment="1">
      <alignment vertical="center" wrapText="1"/>
    </xf>
    <xf numFmtId="164" fontId="43" fillId="0" borderId="400" xfId="2" applyNumberFormat="1" applyFont="1" applyBorder="1" applyAlignment="1">
      <alignment horizontal="right" wrapText="1"/>
    </xf>
    <xf numFmtId="0" fontId="43" fillId="0" borderId="422" xfId="2" applyFont="1" applyBorder="1" applyAlignment="1">
      <alignment horizontal="left" vertical="center" wrapText="1"/>
    </xf>
    <xf numFmtId="0" fontId="6" fillId="0" borderId="429" xfId="2" applyFont="1" applyBorder="1" applyAlignment="1">
      <alignment horizontal="left" vertical="center" wrapText="1" indent="1"/>
    </xf>
    <xf numFmtId="0" fontId="6" fillId="0" borderId="432" xfId="2" applyFont="1" applyBorder="1" applyAlignment="1">
      <alignment horizontal="left" vertical="center" wrapText="1" indent="1"/>
    </xf>
    <xf numFmtId="0" fontId="26" fillId="0" borderId="438" xfId="2" applyFont="1" applyBorder="1" applyAlignment="1">
      <alignment horizontal="left" vertical="center" wrapText="1" indent="1"/>
    </xf>
    <xf numFmtId="0" fontId="26" fillId="0" borderId="443" xfId="2" applyFont="1" applyBorder="1" applyAlignment="1">
      <alignment horizontal="left" vertical="center" wrapText="1"/>
    </xf>
    <xf numFmtId="0" fontId="27" fillId="0" borderId="443" xfId="2" applyFont="1" applyBorder="1" applyAlignment="1">
      <alignment horizontal="left" vertical="center" wrapText="1" indent="1"/>
    </xf>
    <xf numFmtId="0" fontId="27" fillId="0" borderId="84" xfId="2" applyFont="1" applyBorder="1" applyAlignment="1">
      <alignment horizontal="left" vertical="center" wrapText="1"/>
    </xf>
    <xf numFmtId="0" fontId="35" fillId="0" borderId="0" xfId="2" applyFont="1" applyAlignment="1">
      <alignment horizontal="left" vertical="center"/>
    </xf>
    <xf numFmtId="0" fontId="34" fillId="0" borderId="0" xfId="2" applyFont="1" applyAlignment="1">
      <alignment horizontal="left" vertical="center"/>
    </xf>
    <xf numFmtId="0" fontId="35" fillId="0" borderId="0" xfId="2" quotePrefix="1" applyFont="1" applyAlignment="1" applyProtection="1">
      <alignment horizontal="left" vertical="center"/>
      <protection locked="0"/>
    </xf>
    <xf numFmtId="0" fontId="23" fillId="0" borderId="0" xfId="2" quotePrefix="1" applyFont="1" applyAlignment="1">
      <alignment horizontal="left" vertical="center" wrapText="1"/>
    </xf>
    <xf numFmtId="0" fontId="35" fillId="0" borderId="0" xfId="2" applyFont="1" applyAlignment="1">
      <alignment horizontal="left" vertical="center" wrapText="1"/>
    </xf>
    <xf numFmtId="0" fontId="34" fillId="0" borderId="0" xfId="2" quotePrefix="1" applyFont="1" applyAlignment="1">
      <alignment horizontal="left" vertical="center"/>
    </xf>
    <xf numFmtId="0" fontId="30" fillId="0" borderId="0" xfId="2" quotePrefix="1" applyFont="1" applyAlignment="1">
      <alignment horizontal="left" vertical="center"/>
    </xf>
    <xf numFmtId="0" fontId="30" fillId="0" borderId="0" xfId="2" applyFont="1" applyAlignment="1">
      <alignment horizontal="left" vertical="center"/>
    </xf>
    <xf numFmtId="0" fontId="18" fillId="0" borderId="2" xfId="3" quotePrefix="1" applyNumberFormat="1" applyFont="1" applyBorder="1" applyAlignment="1">
      <alignment horizontal="left"/>
    </xf>
    <xf numFmtId="164" fontId="3" fillId="0" borderId="510" xfId="2" applyNumberFormat="1" applyFont="1" applyBorder="1" applyAlignment="1">
      <alignment vertical="center"/>
    </xf>
    <xf numFmtId="164" fontId="3" fillId="0" borderId="511" xfId="2" applyNumberFormat="1" applyFont="1" applyBorder="1" applyAlignment="1">
      <alignment vertical="center"/>
    </xf>
    <xf numFmtId="164" fontId="3" fillId="0" borderId="512" xfId="2" applyNumberFormat="1" applyFont="1" applyBorder="1" applyAlignment="1">
      <alignment vertical="center"/>
    </xf>
    <xf numFmtId="164" fontId="3" fillId="0" borderId="513" xfId="2" applyNumberFormat="1" applyFont="1" applyBorder="1" applyAlignment="1">
      <alignment vertical="center"/>
    </xf>
    <xf numFmtId="164" fontId="23" fillId="0" borderId="510" xfId="2" applyNumberFormat="1" applyFont="1" applyBorder="1" applyAlignment="1">
      <alignment vertical="center"/>
    </xf>
    <xf numFmtId="164" fontId="23" fillId="0" borderId="511" xfId="2" applyNumberFormat="1" applyFont="1" applyBorder="1" applyAlignment="1">
      <alignment vertical="center"/>
    </xf>
    <xf numFmtId="164" fontId="23" fillId="0" borderId="512" xfId="2" applyNumberFormat="1" applyFont="1" applyBorder="1" applyAlignment="1">
      <alignment vertical="center"/>
    </xf>
    <xf numFmtId="164" fontId="23" fillId="0" borderId="513" xfId="2" applyNumberFormat="1" applyFont="1" applyBorder="1" applyAlignment="1">
      <alignment vertical="center"/>
    </xf>
    <xf numFmtId="164" fontId="3" fillId="0" borderId="514" xfId="2" applyNumberFormat="1" applyFont="1" applyBorder="1" applyAlignment="1">
      <alignment vertical="center"/>
    </xf>
    <xf numFmtId="164" fontId="3" fillId="0" borderId="515" xfId="2" applyNumberFormat="1" applyFont="1" applyBorder="1" applyAlignment="1">
      <alignment vertical="center"/>
    </xf>
    <xf numFmtId="164" fontId="3" fillId="0" borderId="516" xfId="2" applyNumberFormat="1" applyFont="1" applyBorder="1" applyAlignment="1">
      <alignment vertical="center"/>
    </xf>
    <xf numFmtId="164" fontId="3" fillId="0" borderId="517" xfId="2" applyNumberFormat="1" applyFont="1" applyBorder="1" applyAlignment="1">
      <alignment vertical="center"/>
    </xf>
    <xf numFmtId="164" fontId="3" fillId="0" borderId="518" xfId="2" applyNumberFormat="1" applyFont="1" applyBorder="1" applyAlignment="1">
      <alignment vertical="center"/>
    </xf>
    <xf numFmtId="164" fontId="3" fillId="0" borderId="519" xfId="2" applyNumberFormat="1" applyFont="1" applyBorder="1" applyAlignment="1">
      <alignment vertical="center"/>
    </xf>
    <xf numFmtId="164" fontId="3" fillId="0" borderId="520" xfId="2" applyNumberFormat="1" applyFont="1" applyBorder="1" applyAlignment="1">
      <alignment vertical="center"/>
    </xf>
    <xf numFmtId="164" fontId="3" fillId="0" borderId="521" xfId="2" applyNumberFormat="1" applyFont="1" applyBorder="1" applyAlignment="1">
      <alignment vertical="center"/>
    </xf>
    <xf numFmtId="164" fontId="23" fillId="0" borderId="518" xfId="2" applyNumberFormat="1" applyFont="1" applyBorder="1" applyAlignment="1">
      <alignment vertical="center"/>
    </xf>
    <xf numFmtId="164" fontId="23" fillId="0" borderId="519" xfId="2" applyNumberFormat="1" applyFont="1" applyBorder="1" applyAlignment="1">
      <alignment vertical="center"/>
    </xf>
    <xf numFmtId="164" fontId="23" fillId="0" borderId="520" xfId="2" applyNumberFormat="1" applyFont="1" applyBorder="1" applyAlignment="1">
      <alignment vertical="center"/>
    </xf>
    <xf numFmtId="164" fontId="23" fillId="0" borderId="521" xfId="2" applyNumberFormat="1" applyFont="1" applyBorder="1" applyAlignment="1">
      <alignment vertical="center"/>
    </xf>
    <xf numFmtId="164" fontId="23" fillId="0" borderId="522" xfId="2" applyNumberFormat="1" applyFont="1" applyBorder="1" applyAlignment="1">
      <alignment vertical="center"/>
    </xf>
    <xf numFmtId="164" fontId="23" fillId="0" borderId="523" xfId="2" applyNumberFormat="1" applyFont="1" applyBorder="1" applyAlignment="1">
      <alignment vertical="center"/>
    </xf>
    <xf numFmtId="164" fontId="23" fillId="0" borderId="524" xfId="2" applyNumberFormat="1" applyFont="1" applyBorder="1" applyAlignment="1">
      <alignment vertical="center"/>
    </xf>
    <xf numFmtId="164" fontId="23" fillId="0" borderId="525" xfId="2" applyNumberFormat="1" applyFont="1" applyBorder="1" applyAlignment="1">
      <alignment vertical="center"/>
    </xf>
    <xf numFmtId="168" fontId="3" fillId="29" borderId="526" xfId="5" quotePrefix="1" applyNumberFormat="1" applyFont="1" applyFill="1" applyBorder="1" applyAlignment="1">
      <alignment vertical="center"/>
    </xf>
    <xf numFmtId="168" fontId="3" fillId="29" borderId="526" xfId="5" applyNumberFormat="1" applyFont="1" applyFill="1" applyBorder="1" applyAlignment="1">
      <alignment vertical="center"/>
    </xf>
    <xf numFmtId="168" fontId="23" fillId="0" borderId="527" xfId="5" applyNumberFormat="1" applyFont="1" applyBorder="1" applyAlignment="1">
      <alignment vertical="center"/>
    </xf>
    <xf numFmtId="168" fontId="3" fillId="29" borderId="528" xfId="5" quotePrefix="1" applyNumberFormat="1" applyFont="1" applyFill="1" applyBorder="1" applyAlignment="1">
      <alignment vertical="center"/>
    </xf>
    <xf numFmtId="168" fontId="3" fillId="29" borderId="528" xfId="5" applyNumberFormat="1" applyFont="1" applyFill="1" applyBorder="1" applyAlignment="1">
      <alignment vertical="center"/>
    </xf>
    <xf numFmtId="168" fontId="23" fillId="0" borderId="529" xfId="5" applyNumberFormat="1" applyFont="1" applyBorder="1" applyAlignment="1">
      <alignment vertical="center"/>
    </xf>
    <xf numFmtId="168" fontId="3" fillId="30" borderId="528" xfId="5" quotePrefix="1" applyNumberFormat="1" applyFont="1" applyFill="1" applyBorder="1" applyAlignment="1">
      <alignment vertical="center"/>
    </xf>
    <xf numFmtId="168" fontId="3" fillId="30" borderId="528" xfId="5" applyNumberFormat="1" applyFont="1" applyFill="1" applyBorder="1" applyAlignment="1">
      <alignment vertical="center"/>
    </xf>
    <xf numFmtId="168" fontId="23" fillId="0" borderId="529" xfId="5" applyNumberFormat="1" applyFont="1" applyFill="1" applyBorder="1" applyAlignment="1">
      <alignment vertical="center"/>
    </xf>
    <xf numFmtId="168" fontId="3" fillId="30" borderId="22" xfId="5" quotePrefix="1" applyNumberFormat="1" applyFont="1" applyFill="1" applyBorder="1" applyAlignment="1">
      <alignment vertical="center"/>
    </xf>
    <xf numFmtId="0" fontId="29" fillId="0" borderId="20" xfId="4" applyFont="1" applyBorder="1" applyAlignment="1">
      <alignment horizontal="left" vertical="center" wrapText="1"/>
    </xf>
    <xf numFmtId="169" fontId="3" fillId="29" borderId="530" xfId="2" applyNumberFormat="1" applyFont="1" applyFill="1" applyBorder="1" applyAlignment="1">
      <alignment vertical="center"/>
    </xf>
    <xf numFmtId="169" fontId="3" fillId="29" borderId="528" xfId="2" applyNumberFormat="1" applyFont="1" applyFill="1" applyBorder="1" applyAlignment="1">
      <alignment vertical="center"/>
    </xf>
    <xf numFmtId="168" fontId="3" fillId="29" borderId="24" xfId="5" quotePrefix="1" applyNumberFormat="1" applyFont="1" applyFill="1" applyBorder="1" applyAlignment="1">
      <alignment vertical="center"/>
    </xf>
    <xf numFmtId="164" fontId="3" fillId="29" borderId="531" xfId="2" applyNumberFormat="1" applyFont="1" applyFill="1" applyBorder="1" applyAlignment="1">
      <alignment vertical="center" wrapText="1"/>
    </xf>
    <xf numFmtId="164" fontId="3" fillId="30" borderId="532" xfId="2" applyNumberFormat="1" applyFont="1" applyFill="1" applyBorder="1" applyAlignment="1">
      <alignment vertical="center" wrapText="1"/>
    </xf>
    <xf numFmtId="164" fontId="3" fillId="30" borderId="533" xfId="2" applyNumberFormat="1" applyFont="1" applyFill="1" applyBorder="1" applyAlignment="1">
      <alignment vertical="center" wrapText="1"/>
    </xf>
    <xf numFmtId="168" fontId="3" fillId="29" borderId="532" xfId="2" applyNumberFormat="1" applyFont="1" applyFill="1" applyBorder="1" applyAlignment="1">
      <alignment vertical="center"/>
    </xf>
    <xf numFmtId="164" fontId="3" fillId="29" borderId="533" xfId="2" applyNumberFormat="1" applyFont="1" applyFill="1" applyBorder="1" applyAlignment="1">
      <alignment vertical="center"/>
    </xf>
    <xf numFmtId="168" fontId="3" fillId="29" borderId="526" xfId="2" applyNumberFormat="1" applyFont="1" applyFill="1" applyBorder="1" applyAlignment="1">
      <alignment vertical="center"/>
    </xf>
    <xf numFmtId="0" fontId="35" fillId="4" borderId="534" xfId="2" applyFont="1" applyFill="1" applyBorder="1" applyAlignment="1">
      <alignment horizontal="right" vertical="center"/>
    </xf>
    <xf numFmtId="0" fontId="35" fillId="4" borderId="535" xfId="2" applyFont="1" applyFill="1" applyBorder="1" applyAlignment="1">
      <alignment horizontal="right" vertical="center"/>
    </xf>
    <xf numFmtId="0" fontId="35" fillId="4" borderId="536" xfId="2" applyFont="1" applyFill="1" applyBorder="1" applyAlignment="1">
      <alignment horizontal="right" vertical="center" wrapText="1"/>
    </xf>
    <xf numFmtId="0" fontId="35" fillId="4" borderId="536" xfId="2" applyFont="1" applyFill="1" applyBorder="1" applyAlignment="1">
      <alignment horizontal="right" vertical="center"/>
    </xf>
    <xf numFmtId="168" fontId="43" fillId="0" borderId="537" xfId="2" applyNumberFormat="1" applyFont="1" applyBorder="1" applyAlignment="1">
      <alignment vertical="center"/>
    </xf>
    <xf numFmtId="168" fontId="6" fillId="0" borderId="538" xfId="2" applyNumberFormat="1" applyFont="1" applyBorder="1" applyAlignment="1">
      <alignment vertical="center"/>
    </xf>
    <xf numFmtId="168" fontId="6" fillId="0" borderId="539" xfId="2" applyNumberFormat="1" applyFont="1" applyBorder="1" applyAlignment="1">
      <alignment vertical="center"/>
    </xf>
    <xf numFmtId="168" fontId="6" fillId="0" borderId="537" xfId="2" applyNumberFormat="1" applyFont="1" applyBorder="1" applyAlignment="1">
      <alignment vertical="center"/>
    </xf>
    <xf numFmtId="168" fontId="6" fillId="0" borderId="539" xfId="2" applyNumberFormat="1" applyFont="1" applyBorder="1" applyAlignment="1">
      <alignment horizontal="right" vertical="center"/>
    </xf>
    <xf numFmtId="168" fontId="6" fillId="0" borderId="540" xfId="2" applyNumberFormat="1" applyFont="1" applyBorder="1" applyAlignment="1">
      <alignment horizontal="right" vertical="center"/>
    </xf>
    <xf numFmtId="169" fontId="43" fillId="0" borderId="537" xfId="2" applyNumberFormat="1" applyFont="1" applyBorder="1" applyAlignment="1">
      <alignment vertical="center"/>
    </xf>
    <xf numFmtId="169" fontId="6" fillId="0" borderId="538" xfId="2" applyNumberFormat="1" applyFont="1" applyBorder="1" applyAlignment="1">
      <alignment vertical="center"/>
    </xf>
    <xf numFmtId="169" fontId="6" fillId="0" borderId="539" xfId="2" applyNumberFormat="1" applyFont="1" applyBorder="1" applyAlignment="1">
      <alignment vertical="center"/>
    </xf>
    <xf numFmtId="169" fontId="6" fillId="0" borderId="537" xfId="2" applyNumberFormat="1" applyFont="1" applyBorder="1" applyAlignment="1">
      <alignment vertical="center"/>
    </xf>
    <xf numFmtId="169" fontId="6" fillId="0" borderId="539" xfId="2" applyNumberFormat="1" applyFont="1" applyBorder="1" applyAlignment="1">
      <alignment horizontal="right" vertical="center"/>
    </xf>
    <xf numFmtId="169" fontId="6" fillId="0" borderId="540" xfId="2" applyNumberFormat="1" applyFont="1" applyBorder="1" applyAlignment="1">
      <alignment horizontal="right" vertical="center"/>
    </xf>
    <xf numFmtId="171" fontId="43" fillId="0" borderId="537" xfId="2" applyNumberFormat="1" applyFont="1" applyBorder="1" applyAlignment="1">
      <alignment vertical="center"/>
    </xf>
    <xf numFmtId="171" fontId="6" fillId="0" borderId="538" xfId="2" applyNumberFormat="1" applyFont="1" applyBorder="1" applyAlignment="1">
      <alignment vertical="center"/>
    </xf>
    <xf numFmtId="171" fontId="6" fillId="0" borderId="539" xfId="2" applyNumberFormat="1" applyFont="1" applyBorder="1" applyAlignment="1">
      <alignment vertical="center"/>
    </xf>
    <xf numFmtId="171" fontId="6" fillId="0" borderId="537" xfId="2" applyNumberFormat="1" applyFont="1" applyBorder="1" applyAlignment="1">
      <alignment vertical="center"/>
    </xf>
    <xf numFmtId="171" fontId="6" fillId="0" borderId="539" xfId="2" applyNumberFormat="1" applyFont="1" applyBorder="1" applyAlignment="1">
      <alignment horizontal="right" vertical="center"/>
    </xf>
    <xf numFmtId="171" fontId="6" fillId="0" borderId="540" xfId="2" applyNumberFormat="1" applyFont="1" applyBorder="1" applyAlignment="1">
      <alignment horizontal="right" vertical="center"/>
    </xf>
    <xf numFmtId="164" fontId="43" fillId="0" borderId="537" xfId="2" applyNumberFormat="1" applyFont="1" applyBorder="1" applyAlignment="1">
      <alignment vertical="center"/>
    </xf>
    <xf numFmtId="164" fontId="6" fillId="0" borderId="538" xfId="2" applyNumberFormat="1" applyFont="1" applyBorder="1" applyAlignment="1">
      <alignment vertical="center"/>
    </xf>
    <xf numFmtId="164" fontId="6" fillId="0" borderId="539" xfId="2" applyNumberFormat="1" applyFont="1" applyBorder="1" applyAlignment="1">
      <alignment vertical="center"/>
    </xf>
    <xf numFmtId="164" fontId="6" fillId="0" borderId="537" xfId="2" applyNumberFormat="1" applyFont="1" applyBorder="1" applyAlignment="1">
      <alignment vertical="center"/>
    </xf>
    <xf numFmtId="164" fontId="6" fillId="0" borderId="539" xfId="2" applyNumberFormat="1" applyFont="1" applyBorder="1" applyAlignment="1">
      <alignment horizontal="right" vertical="center"/>
    </xf>
    <xf numFmtId="164" fontId="6" fillId="0" borderId="540" xfId="2" applyNumberFormat="1" applyFont="1" applyBorder="1" applyAlignment="1">
      <alignment horizontal="right" vertical="center"/>
    </xf>
    <xf numFmtId="0" fontId="43" fillId="0" borderId="541" xfId="2" applyFont="1" applyBorder="1" applyAlignment="1">
      <alignment horizontal="right" vertical="center"/>
    </xf>
    <xf numFmtId="0" fontId="6" fillId="0" borderId="542" xfId="2" applyFont="1" applyBorder="1" applyAlignment="1">
      <alignment horizontal="right" vertical="center"/>
    </xf>
    <xf numFmtId="0" fontId="43" fillId="0" borderId="543" xfId="2" applyFont="1" applyBorder="1" applyAlignment="1">
      <alignment horizontal="right" vertical="center"/>
    </xf>
    <xf numFmtId="0" fontId="43" fillId="0" borderId="542" xfId="2" applyFont="1" applyBorder="1" applyAlignment="1">
      <alignment horizontal="right" vertical="center"/>
    </xf>
    <xf numFmtId="170" fontId="43" fillId="0" borderId="543" xfId="2" applyNumberFormat="1" applyFont="1" applyBorder="1" applyAlignment="1">
      <alignment vertical="center"/>
    </xf>
    <xf numFmtId="170" fontId="43" fillId="0" borderId="544" xfId="2" applyNumberFormat="1" applyFont="1" applyBorder="1" applyAlignment="1">
      <alignment vertical="center"/>
    </xf>
    <xf numFmtId="170" fontId="43" fillId="0" borderId="541" xfId="2" applyNumberFormat="1" applyFont="1" applyBorder="1" applyAlignment="1">
      <alignment vertical="center"/>
    </xf>
    <xf numFmtId="171" fontId="43" fillId="0" borderId="545" xfId="2" applyNumberFormat="1" applyFont="1" applyBorder="1" applyAlignment="1">
      <alignment vertical="center"/>
    </xf>
    <xf numFmtId="171" fontId="6" fillId="0" borderId="546" xfId="2" applyNumberFormat="1" applyFont="1" applyBorder="1" applyAlignment="1">
      <alignment vertical="center"/>
    </xf>
    <xf numFmtId="171" fontId="6" fillId="0" borderId="547" xfId="2" applyNumberFormat="1" applyFont="1" applyBorder="1" applyAlignment="1">
      <alignment vertical="center"/>
    </xf>
    <xf numFmtId="171" fontId="6" fillId="0" borderId="545" xfId="2" applyNumberFormat="1" applyFont="1" applyBorder="1" applyAlignment="1">
      <alignment vertical="center"/>
    </xf>
    <xf numFmtId="172" fontId="6" fillId="31" borderId="548" xfId="2" applyNumberFormat="1" applyFont="1" applyFill="1" applyBorder="1" applyAlignment="1">
      <alignment vertical="center"/>
    </xf>
    <xf numFmtId="172" fontId="6" fillId="31" borderId="549" xfId="2" applyNumberFormat="1" applyFont="1" applyFill="1" applyBorder="1" applyAlignment="1">
      <alignment vertical="center"/>
    </xf>
    <xf numFmtId="172" fontId="6" fillId="31" borderId="68" xfId="2" applyNumberFormat="1" applyFont="1" applyFill="1" applyBorder="1" applyAlignment="1">
      <alignment vertical="center"/>
    </xf>
    <xf numFmtId="172" fontId="6" fillId="31" borderId="550" xfId="2" applyNumberFormat="1" applyFont="1" applyFill="1" applyBorder="1" applyAlignment="1">
      <alignment vertical="center"/>
    </xf>
    <xf numFmtId="172" fontId="6" fillId="31" borderId="551" xfId="2" applyNumberFormat="1" applyFont="1" applyFill="1" applyBorder="1" applyAlignment="1">
      <alignment vertical="center"/>
    </xf>
    <xf numFmtId="172" fontId="6" fillId="31" borderId="0" xfId="2" applyNumberFormat="1" applyFont="1" applyFill="1" applyAlignment="1">
      <alignment vertical="center"/>
    </xf>
    <xf numFmtId="171" fontId="43" fillId="0" borderId="552" xfId="2" applyNumberFormat="1" applyFont="1" applyBorder="1" applyAlignment="1">
      <alignment vertical="center"/>
    </xf>
    <xf numFmtId="171" fontId="6" fillId="0" borderId="553" xfId="2" applyNumberFormat="1" applyFont="1" applyBorder="1" applyAlignment="1">
      <alignment vertical="center"/>
    </xf>
    <xf numFmtId="171" fontId="6" fillId="0" borderId="554" xfId="2" applyNumberFormat="1" applyFont="1" applyBorder="1" applyAlignment="1">
      <alignment vertical="center"/>
    </xf>
    <xf numFmtId="171" fontId="6" fillId="0" borderId="552" xfId="2" applyNumberFormat="1" applyFont="1" applyBorder="1" applyAlignment="1">
      <alignment vertical="center"/>
    </xf>
    <xf numFmtId="172" fontId="6" fillId="31" borderId="70" xfId="2" applyNumberFormat="1" applyFont="1" applyFill="1" applyBorder="1" applyAlignment="1">
      <alignment vertical="center"/>
    </xf>
    <xf numFmtId="172" fontId="6" fillId="31" borderId="71" xfId="2" applyNumberFormat="1" applyFont="1" applyFill="1" applyBorder="1" applyAlignment="1">
      <alignment vertical="center"/>
    </xf>
    <xf numFmtId="172" fontId="6" fillId="31" borderId="72" xfId="2" applyNumberFormat="1" applyFont="1" applyFill="1" applyBorder="1" applyAlignment="1">
      <alignment vertical="center"/>
    </xf>
    <xf numFmtId="0" fontId="43" fillId="0" borderId="555" xfId="2" applyFont="1" applyBorder="1" applyAlignment="1">
      <alignment horizontal="right" vertical="center"/>
    </xf>
    <xf numFmtId="168" fontId="43" fillId="0" borderId="545" xfId="2" applyNumberFormat="1" applyFont="1" applyBorder="1" applyAlignment="1">
      <alignment vertical="center"/>
    </xf>
    <xf numFmtId="168" fontId="6" fillId="0" borderId="546" xfId="2" applyNumberFormat="1" applyFont="1" applyBorder="1" applyAlignment="1">
      <alignment vertical="center"/>
    </xf>
    <xf numFmtId="168" fontId="6" fillId="0" borderId="547" xfId="2" applyNumberFormat="1" applyFont="1" applyBorder="1" applyAlignment="1">
      <alignment vertical="center"/>
    </xf>
    <xf numFmtId="168" fontId="6" fillId="0" borderId="545" xfId="2" applyNumberFormat="1" applyFont="1" applyBorder="1" applyAlignment="1">
      <alignment vertical="center"/>
    </xf>
    <xf numFmtId="164" fontId="6" fillId="31" borderId="73" xfId="2" applyNumberFormat="1" applyFont="1" applyFill="1" applyBorder="1" applyAlignment="1">
      <alignment vertical="center"/>
    </xf>
    <xf numFmtId="164" fontId="6" fillId="31" borderId="74" xfId="2" applyNumberFormat="1" applyFont="1" applyFill="1" applyBorder="1" applyAlignment="1">
      <alignment vertical="center"/>
    </xf>
    <xf numFmtId="164" fontId="6" fillId="31" borderId="68" xfId="2" applyNumberFormat="1" applyFont="1" applyFill="1" applyBorder="1" applyAlignment="1">
      <alignment vertical="center"/>
    </xf>
    <xf numFmtId="169" fontId="6" fillId="0" borderId="538" xfId="5" applyNumberFormat="1" applyFont="1" applyFill="1" applyBorder="1" applyAlignment="1">
      <alignment vertical="center"/>
    </xf>
    <xf numFmtId="169" fontId="6" fillId="0" borderId="539" xfId="5" applyNumberFormat="1" applyFont="1" applyFill="1" applyBorder="1" applyAlignment="1">
      <alignment vertical="center"/>
    </xf>
    <xf numFmtId="173" fontId="6" fillId="31" borderId="550" xfId="2" applyNumberFormat="1" applyFont="1" applyFill="1" applyBorder="1" applyAlignment="1">
      <alignment vertical="center"/>
    </xf>
    <xf numFmtId="173" fontId="6" fillId="31" borderId="551" xfId="2" applyNumberFormat="1" applyFont="1" applyFill="1" applyBorder="1" applyAlignment="1">
      <alignment vertical="center"/>
    </xf>
    <xf numFmtId="173" fontId="6" fillId="31" borderId="0" xfId="2" applyNumberFormat="1" applyFont="1" applyFill="1" applyAlignment="1">
      <alignment vertical="center"/>
    </xf>
    <xf numFmtId="164" fontId="6" fillId="31" borderId="550" xfId="2" applyNumberFormat="1" applyFont="1" applyFill="1" applyBorder="1" applyAlignment="1">
      <alignment vertical="center"/>
    </xf>
    <xf numFmtId="164" fontId="6" fillId="31" borderId="551" xfId="2" applyNumberFormat="1" applyFont="1" applyFill="1" applyBorder="1" applyAlignment="1">
      <alignment vertical="center"/>
    </xf>
    <xf numFmtId="164" fontId="6" fillId="31" borderId="0" xfId="2" applyNumberFormat="1" applyFont="1" applyFill="1" applyAlignment="1">
      <alignment vertical="center"/>
    </xf>
    <xf numFmtId="164" fontId="6" fillId="31" borderId="556" xfId="2" applyNumberFormat="1" applyFont="1" applyFill="1" applyBorder="1" applyAlignment="1">
      <alignment vertical="center"/>
    </xf>
    <xf numFmtId="164" fontId="6" fillId="31" borderId="557" xfId="2" applyNumberFormat="1" applyFont="1" applyFill="1" applyBorder="1" applyAlignment="1">
      <alignment vertical="center"/>
    </xf>
    <xf numFmtId="164" fontId="6" fillId="31" borderId="558" xfId="2" applyNumberFormat="1" applyFont="1" applyFill="1" applyBorder="1" applyAlignment="1">
      <alignment vertical="center"/>
    </xf>
    <xf numFmtId="169" fontId="6" fillId="0" borderId="559" xfId="2" applyNumberFormat="1" applyFont="1" applyBorder="1" applyAlignment="1">
      <alignment vertical="center"/>
    </xf>
    <xf numFmtId="169" fontId="6" fillId="0" borderId="560" xfId="2" applyNumberFormat="1" applyFont="1" applyBorder="1" applyAlignment="1">
      <alignment vertical="center"/>
    </xf>
    <xf numFmtId="168" fontId="6" fillId="0" borderId="540" xfId="2" applyNumberFormat="1" applyFont="1" applyBorder="1" applyAlignment="1">
      <alignment vertical="center"/>
    </xf>
    <xf numFmtId="168" fontId="6" fillId="0" borderId="537" xfId="2" applyNumberFormat="1" applyFont="1" applyBorder="1" applyAlignment="1">
      <alignment horizontal="right" vertical="center"/>
    </xf>
    <xf numFmtId="169" fontId="6" fillId="0" borderId="540" xfId="2" applyNumberFormat="1" applyFont="1" applyBorder="1" applyAlignment="1">
      <alignment vertical="center"/>
    </xf>
    <xf numFmtId="169" fontId="6" fillId="0" borderId="537" xfId="2" applyNumberFormat="1" applyFont="1" applyBorder="1" applyAlignment="1">
      <alignment horizontal="right" vertical="center"/>
    </xf>
    <xf numFmtId="170" fontId="43" fillId="0" borderId="561" xfId="2" applyNumberFormat="1" applyFont="1" applyBorder="1" applyAlignment="1">
      <alignment vertical="center"/>
    </xf>
    <xf numFmtId="172" fontId="6" fillId="31" borderId="562" xfId="2" applyNumberFormat="1" applyFont="1" applyFill="1" applyBorder="1" applyAlignment="1">
      <alignment vertical="center"/>
    </xf>
    <xf numFmtId="172" fontId="6" fillId="31" borderId="563" xfId="2" applyNumberFormat="1" applyFont="1" applyFill="1" applyBorder="1" applyAlignment="1">
      <alignment vertical="center"/>
    </xf>
    <xf numFmtId="172" fontId="6" fillId="31" borderId="564" xfId="2" applyNumberFormat="1" applyFont="1" applyFill="1" applyBorder="1" applyAlignment="1">
      <alignment vertical="center"/>
    </xf>
    <xf numFmtId="172" fontId="6" fillId="31" borderId="565" xfId="2" applyNumberFormat="1" applyFont="1" applyFill="1" applyBorder="1" applyAlignment="1">
      <alignment vertical="center"/>
    </xf>
    <xf numFmtId="172" fontId="6" fillId="31" borderId="566" xfId="2" applyNumberFormat="1" applyFont="1" applyFill="1" applyBorder="1" applyAlignment="1">
      <alignment vertical="center"/>
    </xf>
    <xf numFmtId="174" fontId="6" fillId="31" borderId="565" xfId="2" applyNumberFormat="1" applyFont="1" applyFill="1" applyBorder="1" applyAlignment="1">
      <alignment vertical="center"/>
    </xf>
    <xf numFmtId="174" fontId="6" fillId="31" borderId="566" xfId="2" applyNumberFormat="1" applyFont="1" applyFill="1" applyBorder="1" applyAlignment="1">
      <alignment vertical="center"/>
    </xf>
    <xf numFmtId="174" fontId="6" fillId="31" borderId="0" xfId="2" applyNumberFormat="1" applyFont="1" applyFill="1" applyAlignment="1">
      <alignment vertical="center"/>
    </xf>
    <xf numFmtId="168" fontId="6" fillId="0" borderId="538" xfId="2" applyNumberFormat="1" applyFont="1" applyBorder="1" applyAlignment="1">
      <alignment horizontal="right" vertical="center"/>
    </xf>
    <xf numFmtId="164" fontId="6" fillId="31" borderId="565" xfId="2" applyNumberFormat="1" applyFont="1" applyFill="1" applyBorder="1" applyAlignment="1">
      <alignment vertical="center"/>
    </xf>
    <xf numFmtId="164" fontId="6" fillId="31" borderId="566" xfId="2" applyNumberFormat="1" applyFont="1" applyFill="1" applyBorder="1" applyAlignment="1">
      <alignment vertical="center"/>
    </xf>
    <xf numFmtId="171" fontId="43" fillId="0" borderId="567" xfId="2" applyNumberFormat="1" applyFont="1" applyBorder="1" applyAlignment="1">
      <alignment vertical="center"/>
    </xf>
    <xf numFmtId="171" fontId="6" fillId="0" borderId="568" xfId="2" applyNumberFormat="1" applyFont="1" applyBorder="1" applyAlignment="1">
      <alignment vertical="center"/>
    </xf>
    <xf numFmtId="171" fontId="6" fillId="0" borderId="569" xfId="2" applyNumberFormat="1" applyFont="1" applyBorder="1" applyAlignment="1">
      <alignment vertical="center"/>
    </xf>
    <xf numFmtId="171" fontId="6" fillId="0" borderId="567" xfId="2" applyNumberFormat="1" applyFont="1" applyBorder="1" applyAlignment="1">
      <alignment vertical="center"/>
    </xf>
    <xf numFmtId="164" fontId="6" fillId="31" borderId="570" xfId="2" applyNumberFormat="1" applyFont="1" applyFill="1" applyBorder="1" applyAlignment="1">
      <alignment vertical="top"/>
    </xf>
    <xf numFmtId="164" fontId="6" fillId="31" borderId="571" xfId="2" applyNumberFormat="1" applyFont="1" applyFill="1" applyBorder="1" applyAlignment="1">
      <alignment vertical="top"/>
    </xf>
    <xf numFmtId="164" fontId="6" fillId="31" borderId="572" xfId="2" applyNumberFormat="1" applyFont="1" applyFill="1" applyBorder="1" applyAlignment="1">
      <alignment vertical="top"/>
    </xf>
    <xf numFmtId="169" fontId="43" fillId="0" borderId="545" xfId="2" applyNumberFormat="1" applyFont="1" applyBorder="1" applyAlignment="1">
      <alignment vertical="center"/>
    </xf>
    <xf numFmtId="169" fontId="6" fillId="0" borderId="547" xfId="2" applyNumberFormat="1" applyFont="1" applyBorder="1" applyAlignment="1">
      <alignment vertical="center"/>
    </xf>
    <xf numFmtId="169" fontId="6" fillId="0" borderId="545" xfId="2" applyNumberFormat="1" applyFont="1" applyBorder="1" applyAlignment="1">
      <alignment vertical="center"/>
    </xf>
    <xf numFmtId="169" fontId="6" fillId="0" borderId="546" xfId="2" applyNumberFormat="1" applyFont="1" applyBorder="1" applyAlignment="1">
      <alignment vertical="center"/>
    </xf>
    <xf numFmtId="169" fontId="6" fillId="0" borderId="547" xfId="2" applyNumberFormat="1" applyFont="1" applyBorder="1" applyAlignment="1">
      <alignment horizontal="right" vertical="center"/>
    </xf>
    <xf numFmtId="169" fontId="6" fillId="0" borderId="573" xfId="2" applyNumberFormat="1" applyFont="1" applyBorder="1" applyAlignment="1">
      <alignment horizontal="right" vertical="center"/>
    </xf>
    <xf numFmtId="173" fontId="43" fillId="0" borderId="537" xfId="2" applyNumberFormat="1" applyFont="1" applyBorder="1" applyAlignment="1">
      <alignment vertical="center"/>
    </xf>
    <xf numFmtId="173" fontId="6" fillId="0" borderId="539" xfId="2" applyNumberFormat="1" applyFont="1" applyBorder="1" applyAlignment="1">
      <alignment vertical="center"/>
    </xf>
    <xf numFmtId="173" fontId="6" fillId="0" borderId="537" xfId="2" applyNumberFormat="1" applyFont="1" applyBorder="1" applyAlignment="1">
      <alignment vertical="center"/>
    </xf>
    <xf numFmtId="173" fontId="6" fillId="0" borderId="538" xfId="2" applyNumberFormat="1" applyFont="1" applyBorder="1" applyAlignment="1">
      <alignment vertical="center"/>
    </xf>
    <xf numFmtId="173" fontId="6" fillId="0" borderId="539" xfId="2" applyNumberFormat="1" applyFont="1" applyBorder="1" applyAlignment="1">
      <alignment horizontal="right" vertical="center"/>
    </xf>
    <xf numFmtId="173" fontId="6" fillId="0" borderId="540" xfId="2" applyNumberFormat="1" applyFont="1" applyBorder="1" applyAlignment="1">
      <alignment horizontal="right" vertical="center"/>
    </xf>
    <xf numFmtId="175" fontId="43" fillId="0" borderId="537" xfId="2" applyNumberFormat="1" applyFont="1" applyBorder="1" applyAlignment="1">
      <alignment vertical="center"/>
    </xf>
    <xf numFmtId="175" fontId="6" fillId="0" borderId="539" xfId="2" applyNumberFormat="1" applyFont="1" applyBorder="1" applyAlignment="1">
      <alignment vertical="center"/>
    </xf>
    <xf numFmtId="175" fontId="6" fillId="0" borderId="537" xfId="2" applyNumberFormat="1" applyFont="1" applyBorder="1" applyAlignment="1">
      <alignment vertical="center"/>
    </xf>
    <xf numFmtId="175" fontId="6" fillId="0" borderId="538" xfId="2" applyNumberFormat="1" applyFont="1" applyBorder="1" applyAlignment="1">
      <alignment vertical="center"/>
    </xf>
    <xf numFmtId="175" fontId="6" fillId="0" borderId="539" xfId="2" applyNumberFormat="1" applyFont="1" applyBorder="1" applyAlignment="1">
      <alignment horizontal="right" vertical="center"/>
    </xf>
    <xf numFmtId="175" fontId="6" fillId="0" borderId="540" xfId="2" applyNumberFormat="1" applyFont="1" applyBorder="1" applyAlignment="1">
      <alignment horizontal="right" vertical="center"/>
    </xf>
    <xf numFmtId="171" fontId="6" fillId="0" borderId="537" xfId="2" applyNumberFormat="1" applyFont="1" applyBorder="1" applyAlignment="1">
      <alignment horizontal="right" vertical="center"/>
    </xf>
    <xf numFmtId="171" fontId="6" fillId="0" borderId="540" xfId="2" applyNumberFormat="1" applyFont="1" applyBorder="1" applyAlignment="1">
      <alignment vertical="center"/>
    </xf>
    <xf numFmtId="164" fontId="43" fillId="0" borderId="552" xfId="2" applyNumberFormat="1" applyFont="1" applyBorder="1" applyAlignment="1">
      <alignment vertical="center"/>
    </xf>
    <xf numFmtId="164" fontId="6" fillId="0" borderId="554" xfId="2" applyNumberFormat="1" applyFont="1" applyBorder="1" applyAlignment="1">
      <alignment vertical="center"/>
    </xf>
    <xf numFmtId="164" fontId="6" fillId="0" borderId="552" xfId="2" applyNumberFormat="1" applyFont="1" applyBorder="1" applyAlignment="1">
      <alignment vertical="center"/>
    </xf>
    <xf numFmtId="164" fontId="6" fillId="0" borderId="553" xfId="2" applyNumberFormat="1" applyFont="1" applyBorder="1" applyAlignment="1">
      <alignment vertical="center"/>
    </xf>
    <xf numFmtId="164" fontId="6" fillId="0" borderId="554" xfId="2" applyNumberFormat="1" applyFont="1" applyBorder="1" applyAlignment="1">
      <alignment horizontal="right" vertical="center"/>
    </xf>
    <xf numFmtId="164" fontId="6" fillId="0" borderId="574" xfId="2" applyNumberFormat="1" applyFont="1" applyBorder="1" applyAlignment="1">
      <alignment horizontal="right" vertical="center"/>
    </xf>
    <xf numFmtId="164" fontId="6" fillId="0" borderId="552" xfId="2" applyNumberFormat="1" applyFont="1" applyBorder="1" applyAlignment="1">
      <alignment horizontal="right" vertical="center"/>
    </xf>
    <xf numFmtId="3" fontId="43" fillId="0" borderId="541" xfId="2" applyNumberFormat="1" applyFont="1" applyBorder="1" applyAlignment="1">
      <alignment vertical="center"/>
    </xf>
    <xf numFmtId="0" fontId="6" fillId="0" borderId="543" xfId="2" applyFont="1" applyBorder="1" applyAlignment="1">
      <alignment vertical="center"/>
    </xf>
    <xf numFmtId="0" fontId="6" fillId="0" borderId="541" xfId="2" applyFont="1" applyBorder="1" applyAlignment="1">
      <alignment vertical="center"/>
    </xf>
    <xf numFmtId="0" fontId="6" fillId="0" borderId="542" xfId="2" applyFont="1" applyBorder="1" applyAlignment="1">
      <alignment vertical="center"/>
    </xf>
    <xf numFmtId="0" fontId="6" fillId="0" borderId="543" xfId="2" applyFont="1" applyBorder="1" applyAlignment="1">
      <alignment horizontal="right" vertical="center"/>
    </xf>
    <xf numFmtId="0" fontId="6" fillId="0" borderId="544" xfId="2" applyFont="1" applyBorder="1" applyAlignment="1">
      <alignment horizontal="right" vertical="center"/>
    </xf>
    <xf numFmtId="168" fontId="6" fillId="0" borderId="573" xfId="2" applyNumberFormat="1" applyFont="1" applyBorder="1" applyAlignment="1">
      <alignment vertical="center"/>
    </xf>
    <xf numFmtId="168" fontId="6" fillId="0" borderId="545" xfId="2" applyNumberFormat="1" applyFont="1" applyBorder="1" applyAlignment="1">
      <alignment horizontal="right" vertical="center"/>
    </xf>
    <xf numFmtId="164" fontId="6" fillId="31" borderId="575" xfId="2" applyNumberFormat="1" applyFont="1" applyFill="1" applyBorder="1" applyAlignment="1">
      <alignment horizontal="right" vertical="center"/>
    </xf>
    <xf numFmtId="164" fontId="6" fillId="31" borderId="576" xfId="2" applyNumberFormat="1" applyFont="1" applyFill="1" applyBorder="1" applyAlignment="1">
      <alignment horizontal="right" vertical="center"/>
    </xf>
    <xf numFmtId="164" fontId="6" fillId="31" borderId="545" xfId="2" applyNumberFormat="1" applyFont="1" applyFill="1" applyBorder="1" applyAlignment="1">
      <alignment horizontal="right" vertical="center"/>
    </xf>
    <xf numFmtId="164" fontId="6" fillId="0" borderId="577" xfId="2" applyNumberFormat="1" applyFont="1" applyBorder="1" applyAlignment="1">
      <alignment horizontal="right" vertical="center"/>
    </xf>
    <xf numFmtId="164" fontId="6" fillId="0" borderId="537" xfId="2" applyNumberFormat="1" applyFont="1" applyBorder="1" applyAlignment="1">
      <alignment horizontal="right" vertical="center"/>
    </xf>
    <xf numFmtId="168" fontId="6" fillId="0" borderId="577" xfId="2" applyNumberFormat="1" applyFont="1" applyBorder="1" applyAlignment="1">
      <alignment horizontal="right" vertical="center"/>
    </xf>
    <xf numFmtId="164" fontId="6" fillId="0" borderId="578" xfId="2" applyNumberFormat="1" applyFont="1" applyBorder="1" applyAlignment="1">
      <alignment horizontal="right" vertical="center"/>
    </xf>
    <xf numFmtId="0" fontId="6" fillId="0" borderId="555" xfId="2" applyFont="1" applyBorder="1" applyAlignment="1">
      <alignment horizontal="right" vertical="center"/>
    </xf>
    <xf numFmtId="164" fontId="6" fillId="31" borderId="548" xfId="2" applyNumberFormat="1" applyFont="1" applyFill="1" applyBorder="1" applyAlignment="1">
      <alignment vertical="center"/>
    </xf>
    <xf numFmtId="164" fontId="6" fillId="31" borderId="549" xfId="2" applyNumberFormat="1" applyFont="1" applyFill="1" applyBorder="1" applyAlignment="1">
      <alignment vertical="center"/>
    </xf>
    <xf numFmtId="164" fontId="6" fillId="31" borderId="564" xfId="2" applyNumberFormat="1" applyFont="1" applyFill="1" applyBorder="1" applyAlignment="1">
      <alignment vertical="center"/>
    </xf>
    <xf numFmtId="168" fontId="6" fillId="0" borderId="554" xfId="2" applyNumberFormat="1" applyFont="1" applyBorder="1" applyAlignment="1">
      <alignment vertical="center"/>
    </xf>
    <xf numFmtId="168" fontId="6" fillId="0" borderId="552" xfId="2" applyNumberFormat="1" applyFont="1" applyBorder="1" applyAlignment="1">
      <alignment vertical="center"/>
    </xf>
    <xf numFmtId="168" fontId="6" fillId="0" borderId="553" xfId="2" applyNumberFormat="1" applyFont="1" applyBorder="1" applyAlignment="1">
      <alignment vertical="center"/>
    </xf>
    <xf numFmtId="164" fontId="6" fillId="31" borderId="579" xfId="2" applyNumberFormat="1" applyFont="1" applyFill="1" applyBorder="1" applyAlignment="1">
      <alignment vertical="center"/>
    </xf>
    <xf numFmtId="164" fontId="6" fillId="31" borderId="580" xfId="2" applyNumberFormat="1" applyFont="1" applyFill="1" applyBorder="1" applyAlignment="1">
      <alignment vertical="center"/>
    </xf>
    <xf numFmtId="164" fontId="6" fillId="31" borderId="572" xfId="2" applyNumberFormat="1" applyFont="1" applyFill="1" applyBorder="1" applyAlignment="1">
      <alignment vertical="center"/>
    </xf>
    <xf numFmtId="168" fontId="43" fillId="0" borderId="545" xfId="2" applyNumberFormat="1" applyFont="1" applyBorder="1" applyAlignment="1">
      <alignment horizontal="right" vertical="center"/>
    </xf>
    <xf numFmtId="168" fontId="19" fillId="0" borderId="547" xfId="2" applyNumberFormat="1" applyFont="1" applyBorder="1" applyAlignment="1">
      <alignment vertical="center"/>
    </xf>
    <xf numFmtId="168" fontId="19" fillId="0" borderId="545" xfId="2" applyNumberFormat="1" applyFont="1" applyBorder="1" applyAlignment="1">
      <alignment vertical="center"/>
    </xf>
    <xf numFmtId="168" fontId="19" fillId="0" borderId="546" xfId="2" applyNumberFormat="1" applyFont="1" applyBorder="1" applyAlignment="1">
      <alignment vertical="center"/>
    </xf>
    <xf numFmtId="164" fontId="19" fillId="0" borderId="547" xfId="2" applyNumberFormat="1" applyFont="1" applyBorder="1" applyAlignment="1">
      <alignment horizontal="right" vertical="center"/>
    </xf>
    <xf numFmtId="164" fontId="19" fillId="0" borderId="545" xfId="2" applyNumberFormat="1" applyFont="1" applyBorder="1" applyAlignment="1">
      <alignment horizontal="right" vertical="center"/>
    </xf>
    <xf numFmtId="168" fontId="43" fillId="0" borderId="537" xfId="2" applyNumberFormat="1" applyFont="1" applyBorder="1" applyAlignment="1">
      <alignment horizontal="right" vertical="center"/>
    </xf>
    <xf numFmtId="168" fontId="19" fillId="0" borderId="539" xfId="2" applyNumberFormat="1" applyFont="1" applyBorder="1" applyAlignment="1">
      <alignment vertical="center"/>
    </xf>
    <xf numFmtId="168" fontId="19" fillId="0" borderId="537" xfId="2" applyNumberFormat="1" applyFont="1" applyBorder="1" applyAlignment="1">
      <alignment vertical="center"/>
    </xf>
    <xf numFmtId="168" fontId="19" fillId="0" borderId="538" xfId="2" applyNumberFormat="1" applyFont="1" applyBorder="1" applyAlignment="1">
      <alignment vertical="center"/>
    </xf>
    <xf numFmtId="164" fontId="19" fillId="0" borderId="539" xfId="2" applyNumberFormat="1" applyFont="1" applyBorder="1" applyAlignment="1">
      <alignment horizontal="right" vertical="center"/>
    </xf>
    <xf numFmtId="164" fontId="19" fillId="0" borderId="537" xfId="2" applyNumberFormat="1" applyFont="1" applyBorder="1" applyAlignment="1">
      <alignment horizontal="right" vertical="center"/>
    </xf>
    <xf numFmtId="168" fontId="43" fillId="0" borderId="552" xfId="2" applyNumberFormat="1" applyFont="1" applyBorder="1" applyAlignment="1">
      <alignment horizontal="right" vertical="center"/>
    </xf>
    <xf numFmtId="168" fontId="19" fillId="0" borderId="554" xfId="2" applyNumberFormat="1" applyFont="1" applyBorder="1" applyAlignment="1">
      <alignment vertical="center"/>
    </xf>
    <xf numFmtId="168" fontId="19" fillId="0" borderId="552" xfId="2" applyNumberFormat="1" applyFont="1" applyBorder="1" applyAlignment="1">
      <alignment vertical="center"/>
    </xf>
    <xf numFmtId="168" fontId="19" fillId="0" borderId="553" xfId="2" applyNumberFormat="1" applyFont="1" applyBorder="1" applyAlignment="1">
      <alignment vertical="center"/>
    </xf>
    <xf numFmtId="164" fontId="19" fillId="0" borderId="554" xfId="2" applyNumberFormat="1" applyFont="1" applyBorder="1" applyAlignment="1">
      <alignment horizontal="right" vertical="center"/>
    </xf>
    <xf numFmtId="164" fontId="19" fillId="0" borderId="552" xfId="2" applyNumberFormat="1" applyFont="1" applyBorder="1" applyAlignment="1">
      <alignment horizontal="right" vertical="center"/>
    </xf>
    <xf numFmtId="164" fontId="6" fillId="31" borderId="581" xfId="2" applyNumberFormat="1" applyFont="1" applyFill="1" applyBorder="1" applyAlignment="1">
      <alignment vertical="center"/>
    </xf>
    <xf numFmtId="168" fontId="6" fillId="0" borderId="547" xfId="2" applyNumberFormat="1" applyFont="1" applyBorder="1" applyAlignment="1">
      <alignment horizontal="right" vertical="center"/>
    </xf>
    <xf numFmtId="168" fontId="6" fillId="0" borderId="582" xfId="2" applyNumberFormat="1" applyFont="1" applyBorder="1" applyAlignment="1">
      <alignment horizontal="right" vertical="center"/>
    </xf>
    <xf numFmtId="168" fontId="6" fillId="0" borderId="583" xfId="2" applyNumberFormat="1" applyFont="1" applyBorder="1" applyAlignment="1">
      <alignment horizontal="right" vertical="center"/>
    </xf>
    <xf numFmtId="164" fontId="43" fillId="0" borderId="537" xfId="2" applyNumberFormat="1" applyFont="1" applyBorder="1" applyAlignment="1">
      <alignment horizontal="right" vertical="center"/>
    </xf>
    <xf numFmtId="164" fontId="6" fillId="0" borderId="583" xfId="2" applyNumberFormat="1" applyFont="1" applyBorder="1" applyAlignment="1">
      <alignment horizontal="right" vertical="center"/>
    </xf>
    <xf numFmtId="168" fontId="20" fillId="0" borderId="537" xfId="2" applyNumberFormat="1" applyFont="1" applyBorder="1" applyAlignment="1">
      <alignment horizontal="right" vertical="center"/>
    </xf>
    <xf numFmtId="168" fontId="19" fillId="0" borderId="539" xfId="2" applyNumberFormat="1" applyFont="1" applyBorder="1" applyAlignment="1">
      <alignment horizontal="right" vertical="center"/>
    </xf>
    <xf numFmtId="168" fontId="19" fillId="0" borderId="583" xfId="2" applyNumberFormat="1" applyFont="1" applyBorder="1" applyAlignment="1">
      <alignment horizontal="right" vertical="center"/>
    </xf>
    <xf numFmtId="168" fontId="6" fillId="0" borderId="554" xfId="2" applyNumberFormat="1" applyFont="1" applyBorder="1" applyAlignment="1">
      <alignment horizontal="right" vertical="center"/>
    </xf>
    <xf numFmtId="168" fontId="6" fillId="0" borderId="584" xfId="2" applyNumberFormat="1" applyFont="1" applyBorder="1" applyAlignment="1">
      <alignment horizontal="right" vertical="center"/>
    </xf>
    <xf numFmtId="168" fontId="43" fillId="0" borderId="585" xfId="2" applyNumberFormat="1" applyFont="1" applyBorder="1" applyAlignment="1" applyProtection="1">
      <alignment vertical="center"/>
      <protection locked="0"/>
    </xf>
    <xf numFmtId="168" fontId="6" fillId="0" borderId="586" xfId="2" applyNumberFormat="1" applyFont="1" applyBorder="1" applyAlignment="1">
      <alignment vertical="center"/>
    </xf>
    <xf numFmtId="168" fontId="6" fillId="0" borderId="585" xfId="2" applyNumberFormat="1" applyFont="1" applyBorder="1" applyAlignment="1">
      <alignment horizontal="right" vertical="center"/>
    </xf>
    <xf numFmtId="168" fontId="6" fillId="0" borderId="587" xfId="2" applyNumberFormat="1" applyFont="1" applyBorder="1" applyAlignment="1">
      <alignment vertical="center"/>
    </xf>
    <xf numFmtId="168" fontId="6" fillId="0" borderId="585" xfId="2" applyNumberFormat="1" applyFont="1" applyBorder="1" applyAlignment="1">
      <alignment vertical="center"/>
    </xf>
    <xf numFmtId="168" fontId="6" fillId="0" borderId="587" xfId="2" applyNumberFormat="1" applyFont="1" applyBorder="1" applyAlignment="1" applyProtection="1">
      <alignment vertical="center"/>
      <protection locked="0"/>
    </xf>
    <xf numFmtId="168" fontId="6" fillId="0" borderId="588" xfId="2" applyNumberFormat="1" applyFont="1" applyBorder="1" applyAlignment="1" applyProtection="1">
      <alignment vertical="center"/>
      <protection locked="0"/>
    </xf>
    <xf numFmtId="168" fontId="43" fillId="0" borderId="585" xfId="6" applyNumberFormat="1" applyFont="1" applyBorder="1" applyAlignment="1" applyProtection="1">
      <alignment vertical="center"/>
      <protection locked="0"/>
    </xf>
    <xf numFmtId="168" fontId="6" fillId="0" borderId="586" xfId="6" applyNumberFormat="1" applyFont="1" applyBorder="1" applyAlignment="1">
      <alignment vertical="center"/>
    </xf>
    <xf numFmtId="168" fontId="6" fillId="0" borderId="585" xfId="6" applyNumberFormat="1" applyFont="1" applyBorder="1" applyAlignment="1">
      <alignment horizontal="right" vertical="center"/>
    </xf>
    <xf numFmtId="168" fontId="6" fillId="0" borderId="587" xfId="6" applyNumberFormat="1" applyFont="1" applyBorder="1" applyAlignment="1">
      <alignment vertical="center"/>
    </xf>
    <xf numFmtId="168" fontId="6" fillId="0" borderId="585" xfId="6" applyNumberFormat="1" applyFont="1" applyBorder="1" applyAlignment="1">
      <alignment vertical="center"/>
    </xf>
    <xf numFmtId="168" fontId="6" fillId="0" borderId="587" xfId="6" applyNumberFormat="1" applyFont="1" applyBorder="1" applyAlignment="1" applyProtection="1">
      <alignment vertical="center"/>
      <protection locked="0"/>
    </xf>
    <xf numFmtId="168" fontId="6" fillId="0" borderId="588" xfId="6" applyNumberFormat="1" applyFont="1" applyBorder="1" applyAlignment="1" applyProtection="1">
      <alignment vertical="center"/>
      <protection locked="0"/>
    </xf>
    <xf numFmtId="164" fontId="43" fillId="0" borderId="585" xfId="2" applyNumberFormat="1" applyFont="1" applyBorder="1" applyAlignment="1" applyProtection="1">
      <alignment vertical="center"/>
      <protection locked="0"/>
    </xf>
    <xf numFmtId="164" fontId="6" fillId="0" borderId="586" xfId="2" applyNumberFormat="1" applyFont="1" applyBorder="1" applyAlignment="1">
      <alignment vertical="center"/>
    </xf>
    <xf numFmtId="164" fontId="6" fillId="0" borderId="585" xfId="2" applyNumberFormat="1" applyFont="1" applyBorder="1" applyAlignment="1">
      <alignment horizontal="right" vertical="center"/>
    </xf>
    <xf numFmtId="164" fontId="6" fillId="0" borderId="587" xfId="2" applyNumberFormat="1" applyFont="1" applyBorder="1" applyAlignment="1">
      <alignment vertical="center"/>
    </xf>
    <xf numFmtId="164" fontId="6" fillId="0" borderId="585" xfId="2" applyNumberFormat="1" applyFont="1" applyBorder="1" applyAlignment="1">
      <alignment vertical="center"/>
    </xf>
    <xf numFmtId="164" fontId="6" fillId="0" borderId="587" xfId="2" applyNumberFormat="1" applyFont="1" applyBorder="1" applyAlignment="1" applyProtection="1">
      <alignment vertical="center"/>
      <protection locked="0"/>
    </xf>
    <xf numFmtId="164" fontId="6" fillId="0" borderId="588" xfId="2" applyNumberFormat="1" applyFont="1" applyBorder="1" applyAlignment="1" applyProtection="1">
      <alignment vertical="center"/>
      <protection locked="0"/>
    </xf>
    <xf numFmtId="164" fontId="43" fillId="0" borderId="589" xfId="2" applyNumberFormat="1" applyFont="1" applyBorder="1" applyAlignment="1" applyProtection="1">
      <alignment vertical="center"/>
      <protection locked="0"/>
    </xf>
    <xf numFmtId="164" fontId="6" fillId="0" borderId="590" xfId="2" applyNumberFormat="1" applyFont="1" applyBorder="1" applyAlignment="1">
      <alignment vertical="center"/>
    </xf>
    <xf numFmtId="164" fontId="6" fillId="0" borderId="589" xfId="2" applyNumberFormat="1" applyFont="1" applyBorder="1" applyAlignment="1">
      <alignment horizontal="right" vertical="center"/>
    </xf>
    <xf numFmtId="164" fontId="6" fillId="0" borderId="591" xfId="2" applyNumberFormat="1" applyFont="1" applyBorder="1" applyAlignment="1">
      <alignment vertical="center"/>
    </xf>
    <xf numFmtId="164" fontId="6" fillId="0" borderId="589" xfId="2" applyNumberFormat="1" applyFont="1" applyBorder="1" applyAlignment="1">
      <alignment vertical="center"/>
    </xf>
    <xf numFmtId="164" fontId="6" fillId="0" borderId="591" xfId="2" applyNumberFormat="1" applyFont="1" applyBorder="1" applyAlignment="1" applyProtection="1">
      <alignment vertical="center"/>
      <protection locked="0"/>
    </xf>
    <xf numFmtId="164" fontId="6" fillId="0" borderId="592" xfId="2" applyNumberFormat="1" applyFont="1" applyBorder="1" applyAlignment="1" applyProtection="1">
      <alignment vertical="center"/>
      <protection locked="0"/>
    </xf>
    <xf numFmtId="0" fontId="43" fillId="0" borderId="593" xfId="2" applyFont="1" applyBorder="1" applyAlignment="1" applyProtection="1">
      <alignment vertical="center"/>
      <protection locked="0"/>
    </xf>
    <xf numFmtId="0" fontId="6" fillId="0" borderId="594" xfId="2" applyFont="1" applyBorder="1" applyAlignment="1">
      <alignment vertical="center"/>
    </xf>
    <xf numFmtId="0" fontId="6" fillId="0" borderId="593" xfId="2" applyFont="1" applyBorder="1" applyAlignment="1">
      <alignment horizontal="right" vertical="center"/>
    </xf>
    <xf numFmtId="0" fontId="6" fillId="0" borderId="595" xfId="2" applyFont="1" applyBorder="1" applyAlignment="1">
      <alignment vertical="center"/>
    </xf>
    <xf numFmtId="0" fontId="6" fillId="0" borderId="593" xfId="2" applyFont="1" applyBorder="1" applyAlignment="1">
      <alignment vertical="center"/>
    </xf>
    <xf numFmtId="0" fontId="6" fillId="0" borderId="595" xfId="2" applyFont="1" applyBorder="1" applyAlignment="1" applyProtection="1">
      <alignment vertical="center"/>
      <protection locked="0"/>
    </xf>
    <xf numFmtId="0" fontId="6" fillId="0" borderId="596" xfId="2" applyFont="1" applyBorder="1" applyAlignment="1" applyProtection="1">
      <alignment vertical="center"/>
      <protection locked="0"/>
    </xf>
    <xf numFmtId="169" fontId="43" fillId="0" borderId="597" xfId="2" applyNumberFormat="1" applyFont="1" applyBorder="1" applyAlignment="1" applyProtection="1">
      <alignment horizontal="right" vertical="center"/>
      <protection locked="0"/>
    </xf>
    <xf numFmtId="169" fontId="6" fillId="0" borderId="598" xfId="2" applyNumberFormat="1" applyFont="1" applyBorder="1" applyAlignment="1">
      <alignment horizontal="right" vertical="center"/>
    </xf>
    <xf numFmtId="169" fontId="6" fillId="0" borderId="597" xfId="2" applyNumberFormat="1" applyFont="1" applyBorder="1" applyAlignment="1">
      <alignment horizontal="right" vertical="center"/>
    </xf>
    <xf numFmtId="169" fontId="6" fillId="0" borderId="599" xfId="2" applyNumberFormat="1" applyFont="1" applyBorder="1" applyAlignment="1">
      <alignment vertical="center"/>
    </xf>
    <xf numFmtId="169" fontId="6" fillId="0" borderId="597" xfId="2" applyNumberFormat="1" applyFont="1" applyBorder="1" applyAlignment="1">
      <alignment vertical="center"/>
    </xf>
    <xf numFmtId="169" fontId="6" fillId="0" borderId="599" xfId="2" applyNumberFormat="1" applyFont="1" applyBorder="1" applyAlignment="1" applyProtection="1">
      <alignment horizontal="right" vertical="center"/>
      <protection locked="0"/>
    </xf>
    <xf numFmtId="169" fontId="6" fillId="0" borderId="600" xfId="2" applyNumberFormat="1" applyFont="1" applyBorder="1" applyAlignment="1" applyProtection="1">
      <alignment horizontal="right" vertical="center"/>
      <protection locked="0"/>
    </xf>
    <xf numFmtId="169" fontId="43" fillId="0" borderId="585" xfId="2" applyNumberFormat="1" applyFont="1" applyBorder="1" applyAlignment="1" applyProtection="1">
      <alignment horizontal="right" vertical="center"/>
      <protection locked="0"/>
    </xf>
    <xf numFmtId="169" fontId="6" fillId="0" borderId="586" xfId="2" applyNumberFormat="1" applyFont="1" applyBorder="1" applyAlignment="1">
      <alignment horizontal="right" vertical="center"/>
    </xf>
    <xf numFmtId="169" fontId="6" fillId="0" borderId="585" xfId="2" applyNumberFormat="1" applyFont="1" applyBorder="1" applyAlignment="1">
      <alignment horizontal="right" vertical="center"/>
    </xf>
    <xf numFmtId="169" fontId="6" fillId="0" borderId="587" xfId="2" applyNumberFormat="1" applyFont="1" applyBorder="1" applyAlignment="1">
      <alignment vertical="center"/>
    </xf>
    <xf numFmtId="169" fontId="6" fillId="0" borderId="585" xfId="2" applyNumberFormat="1" applyFont="1" applyBorder="1" applyAlignment="1">
      <alignment vertical="center"/>
    </xf>
    <xf numFmtId="169" fontId="6" fillId="0" borderId="587" xfId="2" applyNumberFormat="1" applyFont="1" applyBorder="1" applyAlignment="1" applyProtection="1">
      <alignment horizontal="right" vertical="center"/>
      <protection locked="0"/>
    </xf>
    <xf numFmtId="169" fontId="6" fillId="0" borderId="588" xfId="2" applyNumberFormat="1" applyFont="1" applyBorder="1" applyAlignment="1" applyProtection="1">
      <alignment vertical="center"/>
      <protection locked="0"/>
    </xf>
    <xf numFmtId="173" fontId="43" fillId="0" borderId="585" xfId="2" applyNumberFormat="1" applyFont="1" applyBorder="1" applyAlignment="1" applyProtection="1">
      <alignment horizontal="right" vertical="center"/>
      <protection locked="0"/>
    </xf>
    <xf numFmtId="173" fontId="6" fillId="0" borderId="586" xfId="2" applyNumberFormat="1" applyFont="1" applyBorder="1" applyAlignment="1">
      <alignment horizontal="right" vertical="center"/>
    </xf>
    <xf numFmtId="173" fontId="6" fillId="0" borderId="585" xfId="2" applyNumberFormat="1" applyFont="1" applyBorder="1" applyAlignment="1">
      <alignment horizontal="right" vertical="center"/>
    </xf>
    <xf numFmtId="173" fontId="6" fillId="0" borderId="587" xfId="2" applyNumberFormat="1" applyFont="1" applyBorder="1" applyAlignment="1">
      <alignment vertical="center"/>
    </xf>
    <xf numFmtId="173" fontId="6" fillId="0" borderId="585" xfId="2" applyNumberFormat="1" applyFont="1" applyBorder="1" applyAlignment="1">
      <alignment vertical="center"/>
    </xf>
    <xf numFmtId="169" fontId="6" fillId="0" borderId="588" xfId="2" applyNumberFormat="1" applyFont="1" applyBorder="1" applyAlignment="1" applyProtection="1">
      <alignment horizontal="right" vertical="center"/>
      <protection locked="0"/>
    </xf>
    <xf numFmtId="171" fontId="43" fillId="0" borderId="585" xfId="2" applyNumberFormat="1" applyFont="1" applyBorder="1" applyAlignment="1" applyProtection="1">
      <alignment horizontal="right" vertical="center"/>
      <protection locked="0"/>
    </xf>
    <xf numFmtId="171" fontId="6" fillId="0" borderId="586" xfId="2" applyNumberFormat="1" applyFont="1" applyBorder="1" applyAlignment="1">
      <alignment horizontal="right" vertical="center"/>
    </xf>
    <xf numFmtId="171" fontId="6" fillId="0" borderId="585" xfId="2" applyNumberFormat="1" applyFont="1" applyBorder="1" applyAlignment="1">
      <alignment horizontal="right" vertical="center"/>
    </xf>
    <xf numFmtId="171" fontId="6" fillId="0" borderId="587" xfId="2" applyNumberFormat="1" applyFont="1" applyBorder="1" applyAlignment="1">
      <alignment vertical="center"/>
    </xf>
    <xf numFmtId="171" fontId="6" fillId="0" borderId="585" xfId="2" applyNumberFormat="1" applyFont="1" applyBorder="1" applyAlignment="1">
      <alignment vertical="center"/>
    </xf>
    <xf numFmtId="171" fontId="6" fillId="0" borderId="587" xfId="2" applyNumberFormat="1" applyFont="1" applyBorder="1" applyAlignment="1" applyProtection="1">
      <alignment horizontal="right" vertical="center"/>
      <protection locked="0"/>
    </xf>
    <xf numFmtId="171" fontId="6" fillId="0" borderId="588" xfId="2" applyNumberFormat="1" applyFont="1" applyBorder="1" applyAlignment="1" applyProtection="1">
      <alignment vertical="center"/>
      <protection locked="0"/>
    </xf>
    <xf numFmtId="172" fontId="43" fillId="0" borderId="585" xfId="2" applyNumberFormat="1" applyFont="1" applyBorder="1" applyAlignment="1" applyProtection="1">
      <alignment horizontal="right" vertical="center"/>
      <protection locked="0"/>
    </xf>
    <xf numFmtId="172" fontId="6" fillId="0" borderId="586" xfId="2" applyNumberFormat="1" applyFont="1" applyBorder="1" applyAlignment="1">
      <alignment horizontal="right" vertical="center"/>
    </xf>
    <xf numFmtId="172" fontId="6" fillId="0" borderId="585" xfId="2" applyNumberFormat="1" applyFont="1" applyBorder="1" applyAlignment="1">
      <alignment horizontal="right" vertical="center"/>
    </xf>
    <xf numFmtId="172" fontId="6" fillId="0" borderId="587" xfId="2" applyNumberFormat="1" applyFont="1" applyBorder="1" applyAlignment="1">
      <alignment vertical="center"/>
    </xf>
    <xf numFmtId="172" fontId="6" fillId="0" borderId="585" xfId="2" applyNumberFormat="1" applyFont="1" applyBorder="1" applyAlignment="1">
      <alignment vertical="center"/>
    </xf>
    <xf numFmtId="172" fontId="6" fillId="0" borderId="587" xfId="2" applyNumberFormat="1" applyFont="1" applyBorder="1" applyAlignment="1" applyProtection="1">
      <alignment horizontal="right" vertical="center"/>
      <protection locked="0"/>
    </xf>
    <xf numFmtId="172" fontId="6" fillId="0" borderId="588" xfId="2" applyNumberFormat="1" applyFont="1" applyBorder="1" applyAlignment="1" applyProtection="1">
      <alignment vertical="center"/>
      <protection locked="0"/>
    </xf>
    <xf numFmtId="171" fontId="43" fillId="0" borderId="589" xfId="2" applyNumberFormat="1" applyFont="1" applyBorder="1" applyAlignment="1" applyProtection="1">
      <alignment horizontal="right" vertical="center"/>
      <protection locked="0"/>
    </xf>
    <xf numFmtId="171" fontId="6" fillId="0" borderId="590" xfId="2" applyNumberFormat="1" applyFont="1" applyBorder="1" applyAlignment="1">
      <alignment horizontal="right" vertical="center"/>
    </xf>
    <xf numFmtId="171" fontId="6" fillId="0" borderId="589" xfId="2" applyNumberFormat="1" applyFont="1" applyBorder="1" applyAlignment="1">
      <alignment horizontal="right" vertical="center"/>
    </xf>
    <xf numFmtId="171" fontId="6" fillId="0" borderId="591" xfId="2" applyNumberFormat="1" applyFont="1" applyBorder="1" applyAlignment="1">
      <alignment vertical="center"/>
    </xf>
    <xf numFmtId="171" fontId="6" fillId="0" borderId="589" xfId="2" applyNumberFormat="1" applyFont="1" applyBorder="1" applyAlignment="1">
      <alignment vertical="center"/>
    </xf>
    <xf numFmtId="171" fontId="6" fillId="0" borderId="591" xfId="2" applyNumberFormat="1" applyFont="1" applyBorder="1" applyAlignment="1" applyProtection="1">
      <alignment horizontal="right" vertical="center"/>
      <protection locked="0"/>
    </xf>
    <xf numFmtId="171" fontId="6" fillId="0" borderId="592" xfId="2" applyNumberFormat="1" applyFont="1" applyBorder="1" applyAlignment="1" applyProtection="1">
      <alignment vertical="center"/>
      <protection locked="0"/>
    </xf>
    <xf numFmtId="171" fontId="20" fillId="0" borderId="597" xfId="2" applyNumberFormat="1" applyFont="1" applyBorder="1" applyAlignment="1" applyProtection="1">
      <alignment horizontal="right" vertical="center"/>
      <protection locked="0"/>
    </xf>
    <xf numFmtId="171" fontId="19" fillId="0" borderId="598" xfId="2" applyNumberFormat="1" applyFont="1" applyBorder="1" applyAlignment="1">
      <alignment horizontal="right" vertical="center"/>
    </xf>
    <xf numFmtId="171" fontId="6" fillId="0" borderId="597" xfId="2" applyNumberFormat="1" applyFont="1" applyBorder="1" applyAlignment="1">
      <alignment horizontal="right" vertical="center"/>
    </xf>
    <xf numFmtId="171" fontId="6" fillId="0" borderId="599" xfId="2" applyNumberFormat="1" applyFont="1" applyBorder="1" applyAlignment="1">
      <alignment horizontal="right" vertical="center"/>
    </xf>
    <xf numFmtId="171" fontId="6" fillId="0" borderId="599" xfId="2" applyNumberFormat="1" applyFont="1" applyBorder="1" applyAlignment="1" applyProtection="1">
      <alignment horizontal="right" vertical="center"/>
      <protection locked="0"/>
    </xf>
    <xf numFmtId="171" fontId="6" fillId="0" borderId="600" xfId="2" applyNumberFormat="1" applyFont="1" applyBorder="1" applyAlignment="1" applyProtection="1">
      <alignment horizontal="right" vertical="center"/>
      <protection locked="0"/>
    </xf>
    <xf numFmtId="171" fontId="19" fillId="0" borderId="597" xfId="2" applyNumberFormat="1" applyFont="1" applyBorder="1" applyAlignment="1">
      <alignment horizontal="right" vertical="center"/>
    </xf>
    <xf numFmtId="171" fontId="20" fillId="0" borderId="585" xfId="2" applyNumberFormat="1" applyFont="1" applyBorder="1" applyAlignment="1" applyProtection="1">
      <alignment horizontal="right" vertical="center"/>
      <protection locked="0"/>
    </xf>
    <xf numFmtId="171" fontId="19" fillId="0" borderId="586" xfId="2" applyNumberFormat="1" applyFont="1" applyBorder="1" applyAlignment="1">
      <alignment horizontal="right" vertical="center"/>
    </xf>
    <xf numFmtId="171" fontId="19" fillId="0" borderId="585" xfId="2" applyNumberFormat="1" applyFont="1" applyBorder="1" applyAlignment="1">
      <alignment horizontal="right" vertical="center"/>
    </xf>
    <xf numFmtId="171" fontId="19" fillId="0" borderId="587" xfId="2" applyNumberFormat="1" applyFont="1" applyBorder="1" applyAlignment="1">
      <alignment horizontal="right" vertical="center"/>
    </xf>
    <xf numFmtId="171" fontId="19" fillId="0" borderId="587" xfId="2" applyNumberFormat="1" applyFont="1" applyBorder="1" applyAlignment="1" applyProtection="1">
      <alignment horizontal="right" vertical="center"/>
      <protection locked="0"/>
    </xf>
    <xf numFmtId="171" fontId="19" fillId="0" borderId="588" xfId="2" applyNumberFormat="1" applyFont="1" applyBorder="1" applyAlignment="1" applyProtection="1">
      <alignment horizontal="right" vertical="center"/>
      <protection locked="0"/>
    </xf>
    <xf numFmtId="171" fontId="6" fillId="0" borderId="587" xfId="2" applyNumberFormat="1" applyFont="1" applyBorder="1" applyAlignment="1">
      <alignment horizontal="right" vertical="center"/>
    </xf>
    <xf numFmtId="171" fontId="6" fillId="0" borderId="588" xfId="2" applyNumberFormat="1" applyFont="1" applyBorder="1" applyAlignment="1" applyProtection="1">
      <alignment horizontal="right" vertical="center"/>
      <protection locked="0"/>
    </xf>
    <xf numFmtId="171" fontId="19" fillId="0" borderId="585" xfId="2" applyNumberFormat="1" applyFont="1" applyBorder="1" applyAlignment="1">
      <alignment vertical="center"/>
    </xf>
    <xf numFmtId="0" fontId="43" fillId="0" borderId="601" xfId="2" applyFont="1" applyBorder="1" applyAlignment="1" applyProtection="1">
      <alignment vertical="center"/>
      <protection locked="0"/>
    </xf>
    <xf numFmtId="0" fontId="6" fillId="0" borderId="602" xfId="2" applyFont="1" applyBorder="1" applyAlignment="1">
      <alignment vertical="center"/>
    </xf>
    <xf numFmtId="0" fontId="6" fillId="0" borderId="601" xfId="2" applyFont="1" applyBorder="1" applyAlignment="1">
      <alignment horizontal="right" vertical="center"/>
    </xf>
    <xf numFmtId="0" fontId="6" fillId="0" borderId="603" xfId="2" applyFont="1" applyBorder="1" applyAlignment="1">
      <alignment vertical="center"/>
    </xf>
    <xf numFmtId="0" fontId="6" fillId="0" borderId="601" xfId="2" applyFont="1" applyBorder="1" applyAlignment="1">
      <alignment vertical="center"/>
    </xf>
    <xf numFmtId="0" fontId="6" fillId="0" borderId="603" xfId="2" applyFont="1" applyBorder="1" applyAlignment="1" applyProtection="1">
      <alignment vertical="center"/>
      <protection locked="0"/>
    </xf>
    <xf numFmtId="0" fontId="6" fillId="0" borderId="604" xfId="2" applyFont="1" applyBorder="1" applyAlignment="1" applyProtection="1">
      <alignment vertical="center"/>
      <protection locked="0"/>
    </xf>
    <xf numFmtId="168" fontId="20" fillId="0" borderId="585" xfId="2" applyNumberFormat="1" applyFont="1" applyBorder="1" applyAlignment="1" applyProtection="1">
      <alignment vertical="center"/>
      <protection locked="0"/>
    </xf>
    <xf numFmtId="168" fontId="19" fillId="0" borderId="586" xfId="2" applyNumberFormat="1" applyFont="1" applyBorder="1" applyAlignment="1">
      <alignment vertical="center"/>
    </xf>
    <xf numFmtId="168" fontId="19" fillId="0" borderId="585" xfId="2" applyNumberFormat="1" applyFont="1" applyBorder="1" applyAlignment="1">
      <alignment vertical="center"/>
    </xf>
    <xf numFmtId="168" fontId="19" fillId="0" borderId="587" xfId="2" applyNumberFormat="1" applyFont="1" applyBorder="1" applyAlignment="1">
      <alignment vertical="center"/>
    </xf>
    <xf numFmtId="164" fontId="6" fillId="32" borderId="605" xfId="2" applyNumberFormat="1" applyFont="1" applyFill="1" applyBorder="1" applyProtection="1">
      <protection locked="0"/>
    </xf>
    <xf numFmtId="164" fontId="6" fillId="32" borderId="606" xfId="2" applyNumberFormat="1" applyFont="1" applyFill="1" applyBorder="1" applyProtection="1">
      <protection locked="0"/>
    </xf>
    <xf numFmtId="164" fontId="6" fillId="32" borderId="607" xfId="2" applyNumberFormat="1" applyFont="1" applyFill="1" applyBorder="1"/>
    <xf numFmtId="164" fontId="6" fillId="32" borderId="608" xfId="2" applyNumberFormat="1" applyFont="1" applyFill="1" applyBorder="1" applyProtection="1">
      <protection locked="0"/>
    </xf>
    <xf numFmtId="164" fontId="6" fillId="32" borderId="609" xfId="2" applyNumberFormat="1" applyFont="1" applyFill="1" applyBorder="1" applyProtection="1">
      <protection locked="0"/>
    </xf>
    <xf numFmtId="164" fontId="6" fillId="32" borderId="0" xfId="2" applyNumberFormat="1" applyFont="1" applyFill="1"/>
    <xf numFmtId="168" fontId="20" fillId="0" borderId="589" xfId="2" applyNumberFormat="1" applyFont="1" applyBorder="1" applyAlignment="1" applyProtection="1">
      <alignment vertical="center"/>
      <protection locked="0"/>
    </xf>
    <xf numFmtId="168" fontId="19" fillId="0" borderId="590" xfId="2" applyNumberFormat="1" applyFont="1" applyBorder="1" applyAlignment="1">
      <alignment vertical="center"/>
    </xf>
    <xf numFmtId="168" fontId="19" fillId="0" borderId="589" xfId="2" applyNumberFormat="1" applyFont="1" applyBorder="1" applyAlignment="1">
      <alignment vertical="center"/>
    </xf>
    <xf numFmtId="168" fontId="19" fillId="0" borderId="591" xfId="2" applyNumberFormat="1" applyFont="1" applyBorder="1" applyAlignment="1">
      <alignment vertical="center"/>
    </xf>
    <xf numFmtId="164" fontId="6" fillId="32" borderId="610" xfId="2" applyNumberFormat="1" applyFont="1" applyFill="1" applyBorder="1" applyProtection="1">
      <protection locked="0"/>
    </xf>
    <xf numFmtId="164" fontId="6" fillId="32" borderId="611" xfId="2" applyNumberFormat="1" applyFont="1" applyFill="1" applyBorder="1" applyProtection="1">
      <protection locked="0"/>
    </xf>
    <xf numFmtId="164" fontId="6" fillId="32" borderId="612" xfId="2" applyNumberFormat="1" applyFont="1" applyFill="1" applyBorder="1"/>
    <xf numFmtId="168" fontId="26" fillId="0" borderId="613" xfId="2" applyNumberFormat="1" applyFont="1" applyBorder="1" applyAlignment="1">
      <alignment horizontal="right" vertical="center"/>
    </xf>
    <xf numFmtId="168" fontId="27" fillId="0" borderId="614" xfId="2" quotePrefix="1" applyNumberFormat="1" applyFont="1" applyBorder="1" applyAlignment="1">
      <alignment horizontal="right" vertical="center"/>
    </xf>
    <xf numFmtId="168" fontId="27" fillId="0" borderId="615" xfId="2" applyNumberFormat="1" applyFont="1" applyBorder="1" applyAlignment="1">
      <alignment vertical="center"/>
    </xf>
    <xf numFmtId="168" fontId="27" fillId="0" borderId="613" xfId="2" applyNumberFormat="1" applyFont="1" applyBorder="1" applyAlignment="1">
      <alignment vertical="center"/>
    </xf>
    <xf numFmtId="168" fontId="27" fillId="0" borderId="614" xfId="2" applyNumberFormat="1" applyFont="1" applyBorder="1" applyAlignment="1">
      <alignment vertical="center"/>
    </xf>
    <xf numFmtId="168" fontId="27" fillId="0" borderId="615" xfId="5" applyNumberFormat="1" applyFont="1" applyFill="1" applyBorder="1" applyAlignment="1" applyProtection="1">
      <alignment vertical="center"/>
      <protection locked="0"/>
    </xf>
    <xf numFmtId="168" fontId="27" fillId="0" borderId="614" xfId="5" applyNumberFormat="1" applyFont="1" applyFill="1" applyBorder="1" applyAlignment="1" applyProtection="1">
      <alignment vertical="center"/>
      <protection locked="0"/>
    </xf>
    <xf numFmtId="168" fontId="27" fillId="0" borderId="613" xfId="5" applyNumberFormat="1" applyFont="1" applyFill="1" applyBorder="1" applyAlignment="1" applyProtection="1">
      <alignment vertical="center"/>
    </xf>
    <xf numFmtId="168" fontId="26" fillId="0" borderId="613" xfId="8" applyNumberFormat="1" applyFont="1" applyBorder="1" applyAlignment="1">
      <alignment horizontal="right" vertical="center"/>
    </xf>
    <xf numFmtId="168" fontId="27" fillId="0" borderId="614" xfId="8" quotePrefix="1" applyNumberFormat="1" applyFont="1" applyBorder="1" applyAlignment="1">
      <alignment horizontal="right" vertical="center"/>
    </xf>
    <xf numFmtId="168" fontId="27" fillId="0" borderId="615" xfId="8" applyNumberFormat="1" applyFont="1" applyBorder="1" applyAlignment="1">
      <alignment vertical="center"/>
    </xf>
    <xf numFmtId="168" fontId="27" fillId="0" borderId="613" xfId="8" applyNumberFormat="1" applyFont="1" applyBorder="1" applyAlignment="1">
      <alignment vertical="center"/>
    </xf>
    <xf numFmtId="168" fontId="27" fillId="0" borderId="614" xfId="8" applyNumberFormat="1" applyFont="1" applyBorder="1" applyAlignment="1">
      <alignment vertical="center"/>
    </xf>
    <xf numFmtId="168" fontId="27" fillId="0" borderId="614" xfId="9" applyNumberFormat="1" applyFont="1" applyFill="1" applyBorder="1" applyAlignment="1" applyProtection="1">
      <alignment vertical="center"/>
      <protection locked="0"/>
    </xf>
    <xf numFmtId="168" fontId="27" fillId="0" borderId="613" xfId="9" applyNumberFormat="1" applyFont="1" applyFill="1" applyBorder="1" applyAlignment="1" applyProtection="1">
      <alignment vertical="center"/>
    </xf>
    <xf numFmtId="168" fontId="27" fillId="0" borderId="614" xfId="2" applyNumberFormat="1" applyFont="1" applyBorder="1" applyAlignment="1">
      <alignment horizontal="right" vertical="center"/>
    </xf>
    <xf numFmtId="168" fontId="27" fillId="0" borderId="615" xfId="2" applyNumberFormat="1" applyFont="1" applyBorder="1" applyAlignment="1" applyProtection="1">
      <alignment vertical="center"/>
      <protection locked="0"/>
    </xf>
    <xf numFmtId="168" fontId="27" fillId="0" borderId="614" xfId="2" applyNumberFormat="1" applyFont="1" applyBorder="1" applyAlignment="1" applyProtection="1">
      <alignment vertical="center"/>
      <protection locked="0"/>
    </xf>
    <xf numFmtId="164" fontId="26" fillId="0" borderId="616" xfId="2" applyNumberFormat="1" applyFont="1" applyBorder="1" applyAlignment="1">
      <alignment vertical="center"/>
    </xf>
    <xf numFmtId="164" fontId="27" fillId="0" borderId="617" xfId="2" applyNumberFormat="1" applyFont="1" applyBorder="1" applyAlignment="1">
      <alignment horizontal="right" vertical="center"/>
    </xf>
    <xf numFmtId="164" fontId="27" fillId="0" borderId="618" xfId="2" applyNumberFormat="1" applyFont="1" applyBorder="1" applyAlignment="1">
      <alignment vertical="center"/>
    </xf>
    <xf numFmtId="164" fontId="27" fillId="0" borderId="616" xfId="2" applyNumberFormat="1" applyFont="1" applyBorder="1" applyAlignment="1">
      <alignment vertical="center"/>
    </xf>
    <xf numFmtId="164" fontId="27" fillId="0" borderId="617" xfId="2" applyNumberFormat="1" applyFont="1" applyBorder="1" applyAlignment="1">
      <alignment vertical="center"/>
    </xf>
    <xf numFmtId="0" fontId="27" fillId="0" borderId="618" xfId="2" applyFont="1" applyBorder="1" applyAlignment="1">
      <alignment vertical="center"/>
    </xf>
    <xf numFmtId="164" fontId="27" fillId="0" borderId="618" xfId="5" applyNumberFormat="1" applyFont="1" applyFill="1" applyBorder="1" applyAlignment="1" applyProtection="1">
      <alignment vertical="center"/>
      <protection locked="0"/>
    </xf>
    <xf numFmtId="164" fontId="27" fillId="0" borderId="617" xfId="5" applyNumberFormat="1" applyFont="1" applyFill="1" applyBorder="1" applyAlignment="1" applyProtection="1">
      <alignment vertical="center"/>
      <protection locked="0"/>
    </xf>
    <xf numFmtId="164" fontId="27" fillId="0" borderId="616" xfId="5" applyNumberFormat="1" applyFont="1" applyFill="1" applyBorder="1" applyAlignment="1" applyProtection="1">
      <alignment vertical="center"/>
    </xf>
    <xf numFmtId="171" fontId="26" fillId="0" borderId="613" xfId="2" applyNumberFormat="1" applyFont="1" applyBorder="1" applyAlignment="1">
      <alignment horizontal="right" vertical="center"/>
    </xf>
    <xf numFmtId="171" fontId="27" fillId="0" borderId="614" xfId="2" applyNumberFormat="1" applyFont="1" applyBorder="1" applyAlignment="1">
      <alignment horizontal="right" vertical="center"/>
    </xf>
    <xf numFmtId="171" fontId="27" fillId="0" borderId="615" xfId="2" applyNumberFormat="1" applyFont="1" applyBorder="1" applyAlignment="1">
      <alignment vertical="center"/>
    </xf>
    <xf numFmtId="171" fontId="27" fillId="0" borderId="613" xfId="2" applyNumberFormat="1" applyFont="1" applyBorder="1" applyAlignment="1">
      <alignment vertical="center"/>
    </xf>
    <xf numFmtId="171" fontId="27" fillId="0" borderId="614" xfId="2" applyNumberFormat="1" applyFont="1" applyBorder="1" applyAlignment="1">
      <alignment vertical="center"/>
    </xf>
    <xf numFmtId="171" fontId="27" fillId="0" borderId="615" xfId="5" applyNumberFormat="1" applyFont="1" applyFill="1" applyBorder="1" applyAlignment="1" applyProtection="1">
      <alignment horizontal="right" vertical="center"/>
      <protection locked="0"/>
    </xf>
    <xf numFmtId="171" fontId="27" fillId="0" borderId="614" xfId="5" applyNumberFormat="1" applyFont="1" applyFill="1" applyBorder="1" applyAlignment="1" applyProtection="1">
      <alignment horizontal="right" vertical="center"/>
      <protection locked="0"/>
    </xf>
    <xf numFmtId="171" fontId="27" fillId="0" borderId="613" xfId="5" applyNumberFormat="1" applyFont="1" applyFill="1" applyBorder="1" applyAlignment="1" applyProtection="1">
      <alignment vertical="center"/>
    </xf>
    <xf numFmtId="169" fontId="26" fillId="0" borderId="613" xfId="2" applyNumberFormat="1" applyFont="1" applyBorder="1" applyAlignment="1">
      <alignment horizontal="right" vertical="center"/>
    </xf>
    <xf numFmtId="169" fontId="27" fillId="0" borderId="614" xfId="2" applyNumberFormat="1" applyFont="1" applyBorder="1" applyAlignment="1">
      <alignment horizontal="right" vertical="center"/>
    </xf>
    <xf numFmtId="169" fontId="27" fillId="0" borderId="615" xfId="2" applyNumberFormat="1" applyFont="1" applyBorder="1" applyAlignment="1">
      <alignment vertical="center"/>
    </xf>
    <xf numFmtId="169" fontId="27" fillId="0" borderId="613" xfId="2" applyNumberFormat="1" applyFont="1" applyBorder="1" applyAlignment="1">
      <alignment vertical="center"/>
    </xf>
    <xf numFmtId="169" fontId="27" fillId="0" borderId="614" xfId="2" applyNumberFormat="1" applyFont="1" applyBorder="1" applyAlignment="1">
      <alignment vertical="center"/>
    </xf>
    <xf numFmtId="169" fontId="27" fillId="0" borderId="615" xfId="5" applyNumberFormat="1" applyFont="1" applyFill="1" applyBorder="1" applyAlignment="1" applyProtection="1">
      <alignment horizontal="right" vertical="center"/>
      <protection locked="0"/>
    </xf>
    <xf numFmtId="169" fontId="27" fillId="0" borderId="614" xfId="5" applyNumberFormat="1" applyFont="1" applyFill="1" applyBorder="1" applyAlignment="1" applyProtection="1">
      <alignment horizontal="right" vertical="center"/>
      <protection locked="0"/>
    </xf>
    <xf numFmtId="169" fontId="27" fillId="0" borderId="613" xfId="5" applyNumberFormat="1" applyFont="1" applyFill="1" applyBorder="1" applyAlignment="1" applyProtection="1">
      <alignment vertical="center"/>
    </xf>
    <xf numFmtId="172" fontId="20" fillId="0" borderId="613" xfId="2" applyNumberFormat="1" applyFont="1" applyBorder="1" applyAlignment="1">
      <alignment vertical="center"/>
    </xf>
    <xf numFmtId="172" fontId="19" fillId="0" borderId="614" xfId="2" applyNumberFormat="1" applyFont="1" applyBorder="1" applyAlignment="1">
      <alignment horizontal="right" vertical="center"/>
    </xf>
    <xf numFmtId="172" fontId="19" fillId="0" borderId="615" xfId="2" applyNumberFormat="1" applyFont="1" applyBorder="1" applyAlignment="1">
      <alignment vertical="center"/>
    </xf>
    <xf numFmtId="172" fontId="19" fillId="0" borderId="613" xfId="2" applyNumberFormat="1" applyFont="1" applyBorder="1" applyAlignment="1">
      <alignment vertical="center"/>
    </xf>
    <xf numFmtId="172" fontId="19" fillId="0" borderId="614" xfId="2" applyNumberFormat="1" applyFont="1" applyBorder="1" applyAlignment="1">
      <alignment vertical="center"/>
    </xf>
    <xf numFmtId="0" fontId="19" fillId="0" borderId="615" xfId="2" applyFont="1" applyBorder="1" applyAlignment="1">
      <alignment vertical="center"/>
    </xf>
    <xf numFmtId="171" fontId="19" fillId="0" borderId="615" xfId="5" applyNumberFormat="1" applyFont="1" applyFill="1" applyBorder="1" applyAlignment="1" applyProtection="1">
      <alignment horizontal="right" vertical="center"/>
      <protection locked="0"/>
    </xf>
    <xf numFmtId="171" fontId="19" fillId="0" borderId="614" xfId="5" applyNumberFormat="1" applyFont="1" applyFill="1" applyBorder="1" applyAlignment="1" applyProtection="1">
      <alignment horizontal="right" vertical="center"/>
      <protection locked="0"/>
    </xf>
    <xf numFmtId="171" fontId="19" fillId="0" borderId="613" xfId="5" applyNumberFormat="1" applyFont="1" applyFill="1" applyBorder="1" applyAlignment="1" applyProtection="1">
      <alignment vertical="center"/>
    </xf>
    <xf numFmtId="171" fontId="20" fillId="0" borderId="613" xfId="2" applyNumberFormat="1" applyFont="1" applyBorder="1" applyAlignment="1">
      <alignment horizontal="right" vertical="center"/>
    </xf>
    <xf numFmtId="171" fontId="19" fillId="0" borderId="614" xfId="2" applyNumberFormat="1" applyFont="1" applyBorder="1" applyAlignment="1">
      <alignment horizontal="right" vertical="center"/>
    </xf>
    <xf numFmtId="171" fontId="19" fillId="0" borderId="615" xfId="2" applyNumberFormat="1" applyFont="1" applyBorder="1" applyAlignment="1">
      <alignment vertical="center"/>
    </xf>
    <xf numFmtId="171" fontId="19" fillId="0" borderId="613" xfId="2" applyNumberFormat="1" applyFont="1" applyBorder="1" applyAlignment="1">
      <alignment vertical="center"/>
    </xf>
    <xf numFmtId="171" fontId="19" fillId="0" borderId="614" xfId="2" applyNumberFormat="1" applyFont="1" applyBorder="1" applyAlignment="1">
      <alignment vertical="center"/>
    </xf>
    <xf numFmtId="171" fontId="20" fillId="0" borderId="616" xfId="2" applyNumberFormat="1" applyFont="1" applyBorder="1" applyAlignment="1">
      <alignment vertical="center"/>
    </xf>
    <xf numFmtId="171" fontId="19" fillId="0" borderId="617" xfId="2" applyNumberFormat="1" applyFont="1" applyBorder="1" applyAlignment="1">
      <alignment horizontal="right" vertical="center"/>
    </xf>
    <xf numFmtId="171" fontId="19" fillId="0" borderId="618" xfId="2" applyNumberFormat="1" applyFont="1" applyBorder="1" applyAlignment="1">
      <alignment vertical="center"/>
    </xf>
    <xf numFmtId="171" fontId="19" fillId="0" borderId="616" xfId="2" applyNumberFormat="1" applyFont="1" applyBorder="1" applyAlignment="1">
      <alignment vertical="center"/>
    </xf>
    <xf numFmtId="171" fontId="19" fillId="0" borderId="617" xfId="2" applyNumberFormat="1" applyFont="1" applyBorder="1" applyAlignment="1">
      <alignment vertical="center"/>
    </xf>
    <xf numFmtId="0" fontId="19" fillId="0" borderId="618" xfId="2" applyFont="1" applyBorder="1" applyAlignment="1">
      <alignment vertical="center"/>
    </xf>
    <xf numFmtId="171" fontId="19" fillId="0" borderId="618" xfId="5" applyNumberFormat="1" applyFont="1" applyFill="1" applyBorder="1" applyAlignment="1" applyProtection="1">
      <alignment horizontal="right" vertical="center"/>
      <protection locked="0"/>
    </xf>
    <xf numFmtId="171" fontId="19" fillId="0" borderId="617" xfId="5" applyNumberFormat="1" applyFont="1" applyFill="1" applyBorder="1" applyAlignment="1" applyProtection="1">
      <alignment horizontal="right" vertical="center"/>
      <protection locked="0"/>
    </xf>
    <xf numFmtId="171" fontId="19" fillId="0" borderId="616" xfId="5" applyNumberFormat="1" applyFont="1" applyFill="1" applyBorder="1" applyAlignment="1" applyProtection="1">
      <alignment vertical="center"/>
    </xf>
    <xf numFmtId="171" fontId="19" fillId="0" borderId="615" xfId="2" applyNumberFormat="1" applyFont="1" applyBorder="1" applyAlignment="1" applyProtection="1">
      <alignment horizontal="right" vertical="center"/>
      <protection locked="0"/>
    </xf>
    <xf numFmtId="171" fontId="19" fillId="0" borderId="614" xfId="2" applyNumberFormat="1" applyFont="1" applyBorder="1" applyAlignment="1" applyProtection="1">
      <alignment horizontal="right" vertical="center"/>
      <protection locked="0"/>
    </xf>
    <xf numFmtId="171" fontId="20" fillId="0" borderId="619" xfId="2" applyNumberFormat="1" applyFont="1" applyBorder="1" applyAlignment="1">
      <alignment horizontal="right" vertical="center"/>
    </xf>
    <xf numFmtId="171" fontId="19" fillId="0" borderId="620" xfId="2" applyNumberFormat="1" applyFont="1" applyBorder="1" applyAlignment="1">
      <alignment horizontal="right" vertical="center"/>
    </xf>
    <xf numFmtId="171" fontId="19" fillId="0" borderId="621" xfId="2" applyNumberFormat="1" applyFont="1" applyBorder="1" applyAlignment="1">
      <alignment vertical="center"/>
    </xf>
    <xf numFmtId="171" fontId="19" fillId="0" borderId="619" xfId="2" applyNumberFormat="1" applyFont="1" applyBorder="1" applyAlignment="1">
      <alignment vertical="center"/>
    </xf>
    <xf numFmtId="171" fontId="19" fillId="0" borderId="620" xfId="2" applyNumberFormat="1" applyFont="1" applyBorder="1" applyAlignment="1">
      <alignment vertical="center"/>
    </xf>
    <xf numFmtId="171" fontId="19" fillId="0" borderId="621" xfId="5" applyNumberFormat="1" applyFont="1" applyFill="1" applyBorder="1" applyAlignment="1" applyProtection="1">
      <alignment horizontal="right" vertical="center"/>
      <protection locked="0"/>
    </xf>
    <xf numFmtId="171" fontId="19" fillId="0" borderId="620" xfId="5" applyNumberFormat="1" applyFont="1" applyFill="1" applyBorder="1" applyAlignment="1" applyProtection="1">
      <alignment horizontal="right" vertical="center"/>
      <protection locked="0"/>
    </xf>
    <xf numFmtId="171" fontId="19" fillId="0" borderId="619" xfId="5" applyNumberFormat="1" applyFont="1" applyFill="1" applyBorder="1" applyAlignment="1" applyProtection="1">
      <alignment vertical="center"/>
    </xf>
    <xf numFmtId="171" fontId="26" fillId="0" borderId="622" xfId="2" applyNumberFormat="1" applyFont="1" applyBorder="1" applyAlignment="1">
      <alignment vertical="center"/>
    </xf>
    <xf numFmtId="171" fontId="27" fillId="0" borderId="623" xfId="2" applyNumberFormat="1" applyFont="1" applyBorder="1" applyAlignment="1">
      <alignment horizontal="right" vertical="center"/>
    </xf>
    <xf numFmtId="171" fontId="27" fillId="0" borderId="624" xfId="2" applyNumberFormat="1" applyFont="1" applyBorder="1" applyAlignment="1">
      <alignment vertical="center"/>
    </xf>
    <xf numFmtId="171" fontId="27" fillId="0" borderId="622" xfId="2" applyNumberFormat="1" applyFont="1" applyBorder="1" applyAlignment="1">
      <alignment vertical="center"/>
    </xf>
    <xf numFmtId="171" fontId="27" fillId="0" borderId="623" xfId="2" applyNumberFormat="1" applyFont="1" applyBorder="1" applyAlignment="1">
      <alignment vertical="center"/>
    </xf>
    <xf numFmtId="0" fontId="27" fillId="0" borderId="624" xfId="2" applyFont="1" applyBorder="1" applyAlignment="1">
      <alignment vertical="center"/>
    </xf>
    <xf numFmtId="171" fontId="27" fillId="0" borderId="624" xfId="5" applyNumberFormat="1" applyFont="1" applyFill="1" applyBorder="1" applyAlignment="1" applyProtection="1">
      <alignment horizontal="right" vertical="center"/>
      <protection locked="0"/>
    </xf>
    <xf numFmtId="171" fontId="27" fillId="0" borderId="623" xfId="5" applyNumberFormat="1" applyFont="1" applyFill="1" applyBorder="1" applyAlignment="1" applyProtection="1">
      <alignment horizontal="right" vertical="center"/>
      <protection locked="0"/>
    </xf>
    <xf numFmtId="171" fontId="27" fillId="0" borderId="622" xfId="5" applyNumberFormat="1" applyFont="1" applyFill="1" applyBorder="1" applyAlignment="1" applyProtection="1">
      <alignment vertical="center"/>
    </xf>
    <xf numFmtId="168" fontId="26" fillId="0" borderId="613" xfId="2" applyNumberFormat="1" applyFont="1" applyBorder="1" applyAlignment="1">
      <alignment vertical="center"/>
    </xf>
    <xf numFmtId="168" fontId="27" fillId="8" borderId="625" xfId="5" applyNumberFormat="1" applyFont="1" applyFill="1" applyBorder="1" applyAlignment="1" applyProtection="1">
      <alignment horizontal="right" vertical="center"/>
      <protection locked="0"/>
    </xf>
    <xf numFmtId="168" fontId="27" fillId="8" borderId="626" xfId="5" applyNumberFormat="1" applyFont="1" applyFill="1" applyBorder="1" applyAlignment="1" applyProtection="1">
      <alignment horizontal="right" vertical="center"/>
      <protection locked="0"/>
    </xf>
    <xf numFmtId="168" fontId="27" fillId="8" borderId="627" xfId="5" applyNumberFormat="1" applyFont="1" applyFill="1" applyBorder="1" applyAlignment="1" applyProtection="1">
      <alignment vertical="center"/>
    </xf>
    <xf numFmtId="168" fontId="27" fillId="8" borderId="628" xfId="5" applyNumberFormat="1" applyFont="1" applyFill="1" applyBorder="1" applyAlignment="1" applyProtection="1">
      <alignment horizontal="right" vertical="center"/>
      <protection locked="0"/>
    </xf>
    <xf numFmtId="168" fontId="27" fillId="8" borderId="629" xfId="5" applyNumberFormat="1" applyFont="1" applyFill="1" applyBorder="1" applyAlignment="1" applyProtection="1">
      <alignment horizontal="right" vertical="center"/>
      <protection locked="0"/>
    </xf>
    <xf numFmtId="168" fontId="27" fillId="8" borderId="615" xfId="5" applyNumberFormat="1" applyFont="1" applyFill="1" applyBorder="1" applyAlignment="1" applyProtection="1">
      <alignment horizontal="right" vertical="center"/>
      <protection locked="0"/>
    </xf>
    <xf numFmtId="168" fontId="27" fillId="8" borderId="614" xfId="5" applyNumberFormat="1" applyFont="1" applyFill="1" applyBorder="1" applyAlignment="1" applyProtection="1">
      <alignment horizontal="right" vertical="center"/>
      <protection locked="0"/>
    </xf>
    <xf numFmtId="168" fontId="26" fillId="0" borderId="630" xfId="2" applyNumberFormat="1" applyFont="1" applyBorder="1" applyAlignment="1">
      <alignment horizontal="right" vertical="center"/>
    </xf>
    <xf numFmtId="168" fontId="27" fillId="0" borderId="631" xfId="2" applyNumberFormat="1" applyFont="1" applyBorder="1" applyAlignment="1">
      <alignment vertical="center"/>
    </xf>
    <xf numFmtId="168" fontId="27" fillId="0" borderId="630" xfId="2" applyNumberFormat="1" applyFont="1" applyBorder="1" applyAlignment="1">
      <alignment vertical="center"/>
    </xf>
    <xf numFmtId="168" fontId="27" fillId="0" borderId="632" xfId="2" applyNumberFormat="1" applyFont="1" applyBorder="1" applyAlignment="1">
      <alignment vertical="center"/>
    </xf>
    <xf numFmtId="168" fontId="27" fillId="0" borderId="631" xfId="5" applyNumberFormat="1" applyFont="1" applyFill="1" applyBorder="1" applyAlignment="1" applyProtection="1">
      <alignment horizontal="right" vertical="center"/>
      <protection locked="0"/>
    </xf>
    <xf numFmtId="168" fontId="27" fillId="0" borderId="632" xfId="5" applyNumberFormat="1" applyFont="1" applyFill="1" applyBorder="1" applyAlignment="1" applyProtection="1">
      <alignment horizontal="right" vertical="center"/>
      <protection locked="0"/>
    </xf>
    <xf numFmtId="168" fontId="27" fillId="0" borderId="633" xfId="5" applyNumberFormat="1" applyFont="1" applyFill="1" applyBorder="1" applyAlignment="1" applyProtection="1">
      <alignment vertical="center"/>
    </xf>
    <xf numFmtId="168" fontId="26" fillId="0" borderId="613" xfId="2" quotePrefix="1" applyNumberFormat="1" applyFont="1" applyBorder="1" applyAlignment="1">
      <alignment vertical="center"/>
    </xf>
    <xf numFmtId="168" fontId="27" fillId="0" borderId="614" xfId="2" quotePrefix="1" applyNumberFormat="1" applyFont="1" applyBorder="1" applyAlignment="1">
      <alignment vertical="center"/>
    </xf>
    <xf numFmtId="176" fontId="27" fillId="0" borderId="615" xfId="2" applyNumberFormat="1" applyFont="1" applyBorder="1" applyAlignment="1">
      <alignment vertical="center"/>
    </xf>
    <xf numFmtId="168" fontId="27" fillId="0" borderId="615" xfId="5" applyNumberFormat="1" applyFont="1" applyFill="1" applyBorder="1" applyAlignment="1">
      <alignment vertical="center"/>
    </xf>
    <xf numFmtId="168" fontId="27" fillId="0" borderId="614" xfId="5" applyNumberFormat="1" applyFont="1" applyFill="1" applyBorder="1" applyAlignment="1">
      <alignment horizontal="right" vertical="center" indent="1"/>
    </xf>
    <xf numFmtId="168" fontId="27" fillId="0" borderId="613" xfId="5" applyNumberFormat="1" applyFont="1" applyFill="1" applyBorder="1" applyAlignment="1">
      <alignment vertical="center"/>
    </xf>
    <xf numFmtId="168" fontId="26" fillId="0" borderId="613" xfId="8" quotePrefix="1" applyNumberFormat="1" applyFont="1" applyBorder="1" applyAlignment="1">
      <alignment vertical="center"/>
    </xf>
    <xf numFmtId="168" fontId="27" fillId="0" borderId="614" xfId="8" quotePrefix="1" applyNumberFormat="1" applyFont="1" applyBorder="1" applyAlignment="1">
      <alignment vertical="center"/>
    </xf>
    <xf numFmtId="168" fontId="27" fillId="0" borderId="615" xfId="9" applyNumberFormat="1" applyFont="1" applyFill="1" applyBorder="1" applyAlignment="1">
      <alignment vertical="center"/>
    </xf>
    <xf numFmtId="168" fontId="27" fillId="0" borderId="614" xfId="9" applyNumberFormat="1" applyFont="1" applyFill="1" applyBorder="1" applyAlignment="1">
      <alignment horizontal="right" vertical="center" indent="1"/>
    </xf>
    <xf numFmtId="168" fontId="27" fillId="0" borderId="613" xfId="9" applyNumberFormat="1" applyFont="1" applyFill="1" applyBorder="1" applyAlignment="1">
      <alignment vertical="center"/>
    </xf>
    <xf numFmtId="168" fontId="27" fillId="0" borderId="614" xfId="2" applyNumberFormat="1" applyFont="1" applyBorder="1" applyAlignment="1">
      <alignment horizontal="right" vertical="center" indent="1"/>
    </xf>
    <xf numFmtId="0" fontId="26" fillId="0" borderId="616" xfId="2" applyFont="1" applyBorder="1" applyAlignment="1">
      <alignment horizontal="right" vertical="center"/>
    </xf>
    <xf numFmtId="0" fontId="27" fillId="0" borderId="617" xfId="2" applyFont="1" applyBorder="1" applyAlignment="1">
      <alignment horizontal="right" vertical="center"/>
    </xf>
    <xf numFmtId="0" fontId="27" fillId="0" borderId="616" xfId="2" applyFont="1" applyBorder="1" applyAlignment="1">
      <alignment vertical="center"/>
    </xf>
    <xf numFmtId="0" fontId="27" fillId="0" borderId="617" xfId="2" applyFont="1" applyBorder="1" applyAlignment="1">
      <alignment vertical="center"/>
    </xf>
    <xf numFmtId="0" fontId="27" fillId="0" borderId="618" xfId="5" applyNumberFormat="1" applyFont="1" applyFill="1" applyBorder="1" applyAlignment="1">
      <alignment vertical="center"/>
    </xf>
    <xf numFmtId="0" fontId="27" fillId="0" borderId="617" xfId="5" applyNumberFormat="1" applyFont="1" applyFill="1" applyBorder="1" applyAlignment="1">
      <alignment horizontal="right" vertical="center"/>
    </xf>
    <xf numFmtId="0" fontId="27" fillId="0" borderId="616" xfId="5" applyNumberFormat="1" applyFont="1" applyFill="1" applyBorder="1" applyAlignment="1">
      <alignment vertical="center"/>
    </xf>
    <xf numFmtId="169" fontId="26" fillId="0" borderId="634" xfId="2" applyNumberFormat="1" applyFont="1" applyBorder="1" applyAlignment="1">
      <alignment horizontal="right" vertical="center"/>
    </xf>
    <xf numFmtId="169" fontId="27" fillId="0" borderId="635" xfId="2" applyNumberFormat="1" applyFont="1" applyBorder="1" applyAlignment="1">
      <alignment vertical="center"/>
    </xf>
    <xf numFmtId="171" fontId="27" fillId="0" borderId="615" xfId="5" applyNumberFormat="1" applyFont="1" applyFill="1" applyBorder="1" applyAlignment="1">
      <alignment horizontal="right" vertical="center"/>
    </xf>
    <xf numFmtId="171" fontId="27" fillId="0" borderId="614" xfId="5" applyNumberFormat="1" applyFont="1" applyFill="1" applyBorder="1" applyAlignment="1">
      <alignment horizontal="right" vertical="center"/>
    </xf>
    <xf numFmtId="171" fontId="27" fillId="0" borderId="613" xfId="5" applyNumberFormat="1" applyFont="1" applyFill="1" applyBorder="1" applyAlignment="1">
      <alignment vertical="center"/>
    </xf>
    <xf numFmtId="169" fontId="27" fillId="0" borderId="615" xfId="5" applyNumberFormat="1" applyFont="1" applyFill="1" applyBorder="1" applyAlignment="1">
      <alignment horizontal="right" vertical="center"/>
    </xf>
    <xf numFmtId="169" fontId="27" fillId="0" borderId="614" xfId="5" applyNumberFormat="1" applyFont="1" applyFill="1" applyBorder="1" applyAlignment="1">
      <alignment horizontal="right" vertical="center"/>
    </xf>
    <xf numFmtId="169" fontId="27" fillId="0" borderId="613" xfId="5" applyNumberFormat="1" applyFont="1" applyFill="1" applyBorder="1" applyAlignment="1">
      <alignment vertical="center"/>
    </xf>
    <xf numFmtId="0" fontId="26" fillId="0" borderId="613" xfId="2" applyFont="1" applyBorder="1" applyAlignment="1">
      <alignment horizontal="right" vertical="center"/>
    </xf>
    <xf numFmtId="0" fontId="27" fillId="0" borderId="614" xfId="2" applyFont="1" applyBorder="1" applyAlignment="1">
      <alignment horizontal="right" vertical="center"/>
    </xf>
    <xf numFmtId="0" fontId="27" fillId="0" borderId="615" xfId="2" applyFont="1" applyBorder="1" applyAlignment="1">
      <alignment vertical="center"/>
    </xf>
    <xf numFmtId="0" fontId="27" fillId="0" borderId="613" xfId="2" applyFont="1" applyBorder="1" applyAlignment="1">
      <alignment vertical="center"/>
    </xf>
    <xf numFmtId="0" fontId="27" fillId="0" borderId="614" xfId="2" applyFont="1" applyBorder="1" applyAlignment="1">
      <alignment vertical="center"/>
    </xf>
    <xf numFmtId="0" fontId="27" fillId="0" borderId="615" xfId="5" applyNumberFormat="1" applyFont="1" applyFill="1" applyBorder="1" applyAlignment="1">
      <alignment horizontal="right" vertical="center"/>
    </xf>
    <xf numFmtId="0" fontId="27" fillId="0" borderId="614" xfId="5" applyNumberFormat="1" applyFont="1" applyFill="1" applyBorder="1" applyAlignment="1">
      <alignment horizontal="right" vertical="center"/>
    </xf>
    <xf numFmtId="0" fontId="27" fillId="0" borderId="613" xfId="5" applyNumberFormat="1" applyFont="1" applyFill="1" applyBorder="1" applyAlignment="1">
      <alignment vertical="center"/>
    </xf>
    <xf numFmtId="0" fontId="27" fillId="0" borderId="617" xfId="5" applyNumberFormat="1" applyFont="1" applyFill="1" applyBorder="1" applyAlignment="1">
      <alignment vertical="center"/>
    </xf>
    <xf numFmtId="171" fontId="27" fillId="0" borderId="615" xfId="2" applyNumberFormat="1" applyFont="1" applyBorder="1" applyAlignment="1">
      <alignment horizontal="right" vertical="center"/>
    </xf>
    <xf numFmtId="171" fontId="26" fillId="0" borderId="619" xfId="2" applyNumberFormat="1" applyFont="1" applyBorder="1" applyAlignment="1">
      <alignment horizontal="right" vertical="center"/>
    </xf>
    <xf numFmtId="171" fontId="27" fillId="0" borderId="620" xfId="2" applyNumberFormat="1" applyFont="1" applyBorder="1" applyAlignment="1">
      <alignment horizontal="right" vertical="center"/>
    </xf>
    <xf numFmtId="171" fontId="27" fillId="0" borderId="621" xfId="2" applyNumberFormat="1" applyFont="1" applyBorder="1" applyAlignment="1">
      <alignment vertical="center"/>
    </xf>
    <xf numFmtId="171" fontId="27" fillId="0" borderId="619" xfId="2" applyNumberFormat="1" applyFont="1" applyBorder="1" applyAlignment="1">
      <alignment vertical="center"/>
    </xf>
    <xf numFmtId="171" fontId="27" fillId="0" borderId="620" xfId="2" applyNumberFormat="1" applyFont="1" applyBorder="1" applyAlignment="1">
      <alignment vertical="center"/>
    </xf>
    <xf numFmtId="171" fontId="27" fillId="0" borderId="621" xfId="5" applyNumberFormat="1" applyFont="1" applyFill="1" applyBorder="1" applyAlignment="1">
      <alignment horizontal="right" vertical="center"/>
    </xf>
    <xf numFmtId="171" fontId="27" fillId="0" borderId="620" xfId="5" applyNumberFormat="1" applyFont="1" applyFill="1" applyBorder="1" applyAlignment="1">
      <alignment horizontal="right" vertical="center"/>
    </xf>
    <xf numFmtId="171" fontId="27" fillId="0" borderId="619" xfId="5" applyNumberFormat="1" applyFont="1" applyFill="1" applyBorder="1" applyAlignment="1">
      <alignment vertical="center"/>
    </xf>
    <xf numFmtId="0" fontId="26" fillId="0" borderId="622" xfId="2" applyFont="1" applyBorder="1" applyAlignment="1">
      <alignment horizontal="right" vertical="center"/>
    </xf>
    <xf numFmtId="0" fontId="27" fillId="0" borderId="623" xfId="2" applyFont="1" applyBorder="1" applyAlignment="1">
      <alignment horizontal="right" vertical="center"/>
    </xf>
    <xf numFmtId="0" fontId="27" fillId="0" borderId="622" xfId="2" applyFont="1" applyBorder="1" applyAlignment="1">
      <alignment vertical="center"/>
    </xf>
    <xf numFmtId="0" fontId="27" fillId="0" borderId="623" xfId="2" applyFont="1" applyBorder="1" applyAlignment="1">
      <alignment vertical="center"/>
    </xf>
    <xf numFmtId="0" fontId="27" fillId="0" borderId="624" xfId="5" applyNumberFormat="1" applyFont="1" applyFill="1" applyBorder="1" applyAlignment="1">
      <alignment horizontal="right" vertical="center"/>
    </xf>
    <xf numFmtId="0" fontId="27" fillId="0" borderId="623" xfId="5" applyNumberFormat="1" applyFont="1" applyFill="1" applyBorder="1" applyAlignment="1">
      <alignment horizontal="right" vertical="center"/>
    </xf>
    <xf numFmtId="0" fontId="27" fillId="0" borderId="622" xfId="5" applyNumberFormat="1" applyFont="1" applyFill="1" applyBorder="1" applyAlignment="1">
      <alignment vertical="center"/>
    </xf>
    <xf numFmtId="168" fontId="27" fillId="8" borderId="625" xfId="5" applyNumberFormat="1" applyFont="1" applyFill="1" applyBorder="1" applyAlignment="1">
      <alignment horizontal="right" vertical="center"/>
    </xf>
    <xf numFmtId="168" fontId="27" fillId="8" borderId="626" xfId="5" applyNumberFormat="1" applyFont="1" applyFill="1" applyBorder="1" applyAlignment="1">
      <alignment horizontal="right" vertical="center"/>
    </xf>
    <xf numFmtId="168" fontId="27" fillId="8" borderId="627" xfId="5" applyNumberFormat="1" applyFont="1" applyFill="1" applyBorder="1" applyAlignment="1">
      <alignment vertical="center"/>
    </xf>
    <xf numFmtId="168" fontId="27" fillId="8" borderId="628" xfId="5" applyNumberFormat="1" applyFont="1" applyFill="1" applyBorder="1" applyAlignment="1">
      <alignment horizontal="right" vertical="center"/>
    </xf>
    <xf numFmtId="168" fontId="27" fillId="8" borderId="629" xfId="5" applyNumberFormat="1" applyFont="1" applyFill="1" applyBorder="1" applyAlignment="1">
      <alignment horizontal="right" vertical="center"/>
    </xf>
    <xf numFmtId="168" fontId="27" fillId="8" borderId="615" xfId="5" applyNumberFormat="1" applyFont="1" applyFill="1" applyBorder="1" applyAlignment="1">
      <alignment horizontal="right" vertical="center"/>
    </xf>
    <xf numFmtId="168" fontId="27" fillId="8" borderId="614" xfId="5" applyNumberFormat="1" applyFont="1" applyFill="1" applyBorder="1" applyAlignment="1">
      <alignment horizontal="right" vertical="center"/>
    </xf>
    <xf numFmtId="168" fontId="27" fillId="0" borderId="631" xfId="5" applyNumberFormat="1" applyFont="1" applyFill="1" applyBorder="1" applyAlignment="1">
      <alignment horizontal="right" vertical="center"/>
    </xf>
    <xf numFmtId="168" fontId="27" fillId="0" borderId="632" xfId="5" applyNumberFormat="1" applyFont="1" applyFill="1" applyBorder="1" applyAlignment="1">
      <alignment horizontal="right" vertical="center"/>
    </xf>
    <xf numFmtId="168" fontId="27" fillId="0" borderId="633" xfId="5" applyNumberFormat="1" applyFont="1" applyFill="1" applyBorder="1" applyAlignment="1">
      <alignment vertical="center"/>
    </xf>
    <xf numFmtId="168" fontId="43" fillId="0" borderId="636" xfId="2" applyNumberFormat="1" applyFont="1" applyBorder="1" applyAlignment="1" applyProtection="1">
      <alignment horizontal="right" vertical="center"/>
      <protection locked="0"/>
    </xf>
    <xf numFmtId="168" fontId="6" fillId="0" borderId="637" xfId="2" applyNumberFormat="1" applyFont="1" applyBorder="1" applyAlignment="1">
      <alignment vertical="center"/>
    </xf>
    <xf numFmtId="168" fontId="6" fillId="0" borderId="636" xfId="2" applyNumberFormat="1" applyFont="1" applyBorder="1" applyAlignment="1">
      <alignment vertical="center"/>
    </xf>
    <xf numFmtId="168" fontId="6" fillId="0" borderId="638" xfId="2" applyNumberFormat="1" applyFont="1" applyBorder="1" applyAlignment="1">
      <alignment vertical="center"/>
    </xf>
    <xf numFmtId="168" fontId="6" fillId="0" borderId="638" xfId="2" applyNumberFormat="1" applyFont="1" applyBorder="1" applyAlignment="1" applyProtection="1">
      <alignment vertical="center"/>
      <protection locked="0"/>
    </xf>
    <xf numFmtId="168" fontId="6" fillId="0" borderId="639" xfId="2" applyNumberFormat="1" applyFont="1" applyBorder="1" applyAlignment="1" applyProtection="1">
      <alignment vertical="center"/>
      <protection locked="0"/>
    </xf>
    <xf numFmtId="168" fontId="43" fillId="0" borderId="636" xfId="6" applyNumberFormat="1" applyFont="1" applyBorder="1" applyAlignment="1" applyProtection="1">
      <alignment horizontal="right" vertical="center"/>
      <protection locked="0"/>
    </xf>
    <xf numFmtId="168" fontId="6" fillId="0" borderId="637" xfId="6" applyNumberFormat="1" applyFont="1" applyBorder="1" applyAlignment="1">
      <alignment vertical="center"/>
    </xf>
    <xf numFmtId="168" fontId="6" fillId="0" borderId="636" xfId="6" applyNumberFormat="1" applyFont="1" applyBorder="1" applyAlignment="1">
      <alignment vertical="center"/>
    </xf>
    <xf numFmtId="168" fontId="6" fillId="0" borderId="638" xfId="6" applyNumberFormat="1" applyFont="1" applyBorder="1" applyAlignment="1">
      <alignment vertical="center"/>
    </xf>
    <xf numFmtId="168" fontId="6" fillId="0" borderId="638" xfId="6" applyNumberFormat="1" applyFont="1" applyBorder="1" applyAlignment="1" applyProtection="1">
      <alignment vertical="center"/>
      <protection locked="0"/>
    </xf>
    <xf numFmtId="168" fontId="6" fillId="0" borderId="639" xfId="6" applyNumberFormat="1" applyFont="1" applyBorder="1" applyAlignment="1" applyProtection="1">
      <alignment vertical="center"/>
      <protection locked="0"/>
    </xf>
    <xf numFmtId="164" fontId="43" fillId="0" borderId="636" xfId="2" applyNumberFormat="1" applyFont="1" applyBorder="1" applyAlignment="1" applyProtection="1">
      <alignment horizontal="right" vertical="center"/>
      <protection locked="0"/>
    </xf>
    <xf numFmtId="164" fontId="6" fillId="0" borderId="637" xfId="2" applyNumberFormat="1" applyFont="1" applyBorder="1" applyAlignment="1">
      <alignment vertical="center"/>
    </xf>
    <xf numFmtId="164" fontId="6" fillId="0" borderId="636" xfId="2" applyNumberFormat="1" applyFont="1" applyBorder="1" applyAlignment="1">
      <alignment vertical="center"/>
    </xf>
    <xf numFmtId="164" fontId="6" fillId="0" borderId="638" xfId="2" applyNumberFormat="1" applyFont="1" applyBorder="1" applyAlignment="1">
      <alignment vertical="center"/>
    </xf>
    <xf numFmtId="164" fontId="6" fillId="0" borderId="638" xfId="2" applyNumberFormat="1" applyFont="1" applyBorder="1" applyAlignment="1" applyProtection="1">
      <alignment vertical="center"/>
      <protection locked="0"/>
    </xf>
    <xf numFmtId="164" fontId="6" fillId="0" borderId="639" xfId="2" applyNumberFormat="1" applyFont="1" applyBorder="1" applyAlignment="1" applyProtection="1">
      <alignment vertical="center"/>
      <protection locked="0"/>
    </xf>
    <xf numFmtId="168" fontId="6" fillId="0" borderId="637" xfId="2" applyNumberFormat="1" applyFont="1" applyBorder="1" applyAlignment="1">
      <alignment horizontal="right" vertical="center"/>
    </xf>
    <xf numFmtId="168" fontId="6" fillId="0" borderId="636" xfId="2" applyNumberFormat="1" applyFont="1" applyBorder="1" applyAlignment="1">
      <alignment horizontal="right" vertical="center"/>
    </xf>
    <xf numFmtId="168" fontId="6" fillId="0" borderId="638" xfId="2" applyNumberFormat="1" applyFont="1" applyBorder="1" applyAlignment="1">
      <alignment horizontal="right" vertical="center"/>
    </xf>
    <xf numFmtId="168" fontId="6" fillId="0" borderId="638" xfId="2" applyNumberFormat="1" applyFont="1" applyBorder="1" applyAlignment="1" applyProtection="1">
      <alignment horizontal="right" vertical="center"/>
      <protection locked="0"/>
    </xf>
    <xf numFmtId="168" fontId="6" fillId="0" borderId="639" xfId="2" applyNumberFormat="1" applyFont="1" applyBorder="1" applyAlignment="1" applyProtection="1">
      <alignment horizontal="right" vertical="center"/>
      <protection locked="0"/>
    </xf>
    <xf numFmtId="164" fontId="6" fillId="0" borderId="638" xfId="2" applyNumberFormat="1" applyFont="1" applyBorder="1" applyAlignment="1" applyProtection="1">
      <alignment horizontal="right" vertical="center"/>
      <protection locked="0"/>
    </xf>
    <xf numFmtId="164" fontId="6" fillId="0" borderId="639" xfId="2" applyNumberFormat="1" applyFont="1" applyBorder="1" applyAlignment="1" applyProtection="1">
      <alignment horizontal="right" vertical="center"/>
      <protection locked="0"/>
    </xf>
    <xf numFmtId="164" fontId="6" fillId="0" borderId="636" xfId="2" applyNumberFormat="1" applyFont="1" applyBorder="1" applyAlignment="1">
      <alignment horizontal="right" vertical="center"/>
    </xf>
    <xf numFmtId="168" fontId="6" fillId="0" borderId="640" xfId="2" applyNumberFormat="1" applyFont="1" applyBorder="1" applyAlignment="1">
      <alignment vertical="center"/>
    </xf>
    <xf numFmtId="168" fontId="6" fillId="0" borderId="641" xfId="2" applyNumberFormat="1" applyFont="1" applyBorder="1" applyAlignment="1">
      <alignment vertical="center"/>
    </xf>
    <xf numFmtId="168" fontId="6" fillId="0" borderId="642" xfId="2" applyNumberFormat="1" applyFont="1" applyBorder="1" applyAlignment="1">
      <alignment vertical="center"/>
    </xf>
    <xf numFmtId="168" fontId="43" fillId="0" borderId="643" xfId="2" applyNumberFormat="1" applyFont="1" applyBorder="1" applyAlignment="1" applyProtection="1">
      <alignment horizontal="right" vertical="center"/>
      <protection locked="0"/>
    </xf>
    <xf numFmtId="168" fontId="6" fillId="0" borderId="644" xfId="2" applyNumberFormat="1" applyFont="1" applyBorder="1" applyAlignment="1">
      <alignment vertical="center"/>
    </xf>
    <xf numFmtId="168" fontId="6" fillId="0" borderId="643" xfId="2" applyNumberFormat="1" applyFont="1" applyBorder="1" applyAlignment="1">
      <alignment vertical="center"/>
    </xf>
    <xf numFmtId="168" fontId="6" fillId="0" borderId="645" xfId="2" applyNumberFormat="1" applyFont="1" applyBorder="1" applyAlignment="1">
      <alignment vertical="center"/>
    </xf>
    <xf numFmtId="168" fontId="6" fillId="0" borderId="645" xfId="2" applyNumberFormat="1" applyFont="1" applyBorder="1" applyAlignment="1" applyProtection="1">
      <alignment horizontal="right" vertical="center"/>
      <protection locked="0"/>
    </xf>
    <xf numFmtId="168" fontId="6" fillId="0" borderId="646" xfId="2" applyNumberFormat="1" applyFont="1" applyBorder="1" applyAlignment="1" applyProtection="1">
      <alignment horizontal="right" vertical="center"/>
      <protection locked="0"/>
    </xf>
    <xf numFmtId="0" fontId="20" fillId="0" borderId="647" xfId="2" applyFont="1" applyBorder="1" applyAlignment="1" applyProtection="1">
      <alignment horizontal="right" vertical="center"/>
      <protection locked="0"/>
    </xf>
    <xf numFmtId="0" fontId="19" fillId="0" borderId="648" xfId="2" applyFont="1" applyBorder="1" applyAlignment="1">
      <alignment horizontal="right" vertical="center"/>
    </xf>
    <xf numFmtId="0" fontId="19" fillId="0" borderId="647" xfId="2" applyFont="1" applyBorder="1" applyAlignment="1">
      <alignment horizontal="right" vertical="center"/>
    </xf>
    <xf numFmtId="0" fontId="19" fillId="0" borderId="649" xfId="2" quotePrefix="1" applyFont="1" applyBorder="1" applyAlignment="1">
      <alignment horizontal="right" vertical="center"/>
    </xf>
    <xf numFmtId="0" fontId="19" fillId="0" borderId="649" xfId="2" applyFont="1" applyBorder="1" applyAlignment="1" applyProtection="1">
      <alignment horizontal="right" vertical="center"/>
      <protection locked="0"/>
    </xf>
    <xf numFmtId="0" fontId="19" fillId="0" borderId="650" xfId="2" applyFont="1" applyBorder="1" applyAlignment="1" applyProtection="1">
      <alignment horizontal="right" vertical="center"/>
      <protection locked="0"/>
    </xf>
    <xf numFmtId="172" fontId="20" fillId="0" borderId="651" xfId="2" applyNumberFormat="1" applyFont="1" applyBorder="1" applyAlignment="1" applyProtection="1">
      <alignment horizontal="right" vertical="center"/>
      <protection locked="0"/>
    </xf>
    <xf numFmtId="172" fontId="19" fillId="0" borderId="652" xfId="2" applyNumberFormat="1" applyFont="1" applyBorder="1" applyAlignment="1">
      <alignment horizontal="right" vertical="center"/>
    </xf>
    <xf numFmtId="172" fontId="19" fillId="0" borderId="651" xfId="2" applyNumberFormat="1" applyFont="1" applyBorder="1" applyAlignment="1">
      <alignment horizontal="right" vertical="center"/>
    </xf>
    <xf numFmtId="172" fontId="19" fillId="0" borderId="653" xfId="2" applyNumberFormat="1" applyFont="1" applyBorder="1" applyAlignment="1">
      <alignment horizontal="right" vertical="center"/>
    </xf>
    <xf numFmtId="171" fontId="19" fillId="0" borderId="653" xfId="2" applyNumberFormat="1" applyFont="1" applyBorder="1" applyAlignment="1" applyProtection="1">
      <alignment vertical="center"/>
      <protection locked="0"/>
    </xf>
    <xf numFmtId="171" fontId="19" fillId="0" borderId="654" xfId="2" applyNumberFormat="1" applyFont="1" applyBorder="1" applyAlignment="1" applyProtection="1">
      <alignment vertical="center"/>
      <protection locked="0"/>
    </xf>
    <xf numFmtId="171" fontId="19" fillId="0" borderId="651" xfId="2" applyNumberFormat="1" applyFont="1" applyBorder="1" applyAlignment="1">
      <alignment vertical="center"/>
    </xf>
    <xf numFmtId="171" fontId="43" fillId="0" borderId="636" xfId="2" applyNumberFormat="1" applyFont="1" applyBorder="1" applyAlignment="1" applyProtection="1">
      <alignment horizontal="right" vertical="center"/>
      <protection locked="0"/>
    </xf>
    <xf numFmtId="171" fontId="6" fillId="0" borderId="637" xfId="2" applyNumberFormat="1" applyFont="1" applyBorder="1" applyAlignment="1">
      <alignment vertical="center"/>
    </xf>
    <xf numFmtId="171" fontId="6" fillId="0" borderId="636" xfId="2" applyNumberFormat="1" applyFont="1" applyBorder="1" applyAlignment="1">
      <alignment vertical="center"/>
    </xf>
    <xf numFmtId="171" fontId="6" fillId="0" borderId="638" xfId="2" applyNumberFormat="1" applyFont="1" applyBorder="1" applyAlignment="1">
      <alignment vertical="center"/>
    </xf>
    <xf numFmtId="171" fontId="6" fillId="0" borderId="638" xfId="2" applyNumberFormat="1" applyFont="1" applyBorder="1" applyAlignment="1" applyProtection="1">
      <alignment horizontal="right" vertical="center"/>
      <protection locked="0"/>
    </xf>
    <xf numFmtId="171" fontId="6" fillId="0" borderId="639" xfId="2" applyNumberFormat="1" applyFont="1" applyBorder="1" applyAlignment="1" applyProtection="1">
      <alignment vertical="center"/>
      <protection locked="0"/>
    </xf>
    <xf numFmtId="172" fontId="43" fillId="0" borderId="636" xfId="2" applyNumberFormat="1" applyFont="1" applyBorder="1" applyAlignment="1" applyProtection="1">
      <alignment horizontal="right" vertical="center"/>
      <protection locked="0"/>
    </xf>
    <xf numFmtId="172" fontId="6" fillId="0" borderId="637" xfId="2" applyNumberFormat="1" applyFont="1" applyBorder="1" applyAlignment="1">
      <alignment vertical="center"/>
    </xf>
    <xf numFmtId="172" fontId="6" fillId="0" borderId="636" xfId="2" applyNumberFormat="1" applyFont="1" applyBorder="1" applyAlignment="1">
      <alignment vertical="center"/>
    </xf>
    <xf numFmtId="172" fontId="6" fillId="0" borderId="638" xfId="2" applyNumberFormat="1" applyFont="1" applyBorder="1" applyAlignment="1">
      <alignment vertical="center"/>
    </xf>
    <xf numFmtId="171" fontId="43" fillId="0" borderId="643" xfId="2" applyNumberFormat="1" applyFont="1" applyBorder="1" applyAlignment="1" applyProtection="1">
      <alignment horizontal="right" vertical="center"/>
      <protection locked="0"/>
    </xf>
    <xf numFmtId="171" fontId="6" fillId="0" borderId="644" xfId="2" applyNumberFormat="1" applyFont="1" applyBorder="1" applyAlignment="1">
      <alignment vertical="center"/>
    </xf>
    <xf numFmtId="171" fontId="6" fillId="0" borderId="643" xfId="2" applyNumberFormat="1" applyFont="1" applyBorder="1" applyAlignment="1">
      <alignment vertical="center"/>
    </xf>
    <xf numFmtId="171" fontId="6" fillId="0" borderId="645" xfId="2" applyNumberFormat="1" applyFont="1" applyBorder="1" applyAlignment="1">
      <alignment vertical="center"/>
    </xf>
    <xf numFmtId="171" fontId="6" fillId="0" borderId="645" xfId="2" applyNumberFormat="1" applyFont="1" applyBorder="1" applyAlignment="1" applyProtection="1">
      <alignment horizontal="right" vertical="center"/>
      <protection locked="0"/>
    </xf>
    <xf numFmtId="171" fontId="6" fillId="0" borderId="646" xfId="2" applyNumberFormat="1" applyFont="1" applyBorder="1" applyAlignment="1" applyProtection="1">
      <alignment vertical="center"/>
      <protection locked="0"/>
    </xf>
    <xf numFmtId="171" fontId="19" fillId="0" borderId="649" xfId="2" applyNumberFormat="1" applyFont="1" applyBorder="1" applyAlignment="1" applyProtection="1">
      <alignment horizontal="right" vertical="center"/>
      <protection locked="0"/>
    </xf>
    <xf numFmtId="171" fontId="19" fillId="0" borderId="650" xfId="2" applyNumberFormat="1" applyFont="1" applyBorder="1" applyAlignment="1" applyProtection="1">
      <alignment horizontal="right" vertical="center"/>
      <protection locked="0"/>
    </xf>
    <xf numFmtId="171" fontId="19" fillId="0" borderId="647" xfId="2" applyNumberFormat="1" applyFont="1" applyBorder="1" applyAlignment="1">
      <alignment horizontal="right" vertical="center"/>
    </xf>
    <xf numFmtId="171" fontId="20" fillId="0" borderId="651" xfId="2" applyNumberFormat="1" applyFont="1" applyBorder="1" applyAlignment="1" applyProtection="1">
      <alignment horizontal="right" vertical="center"/>
      <protection locked="0"/>
    </xf>
    <xf numFmtId="171" fontId="19" fillId="0" borderId="652" xfId="2" applyNumberFormat="1" applyFont="1" applyBorder="1" applyAlignment="1">
      <alignment horizontal="right" vertical="center"/>
    </xf>
    <xf numFmtId="171" fontId="19" fillId="0" borderId="651" xfId="2" applyNumberFormat="1" applyFont="1" applyBorder="1" applyAlignment="1">
      <alignment horizontal="right" vertical="center"/>
    </xf>
    <xf numFmtId="171" fontId="19" fillId="0" borderId="653" xfId="2" applyNumberFormat="1" applyFont="1" applyBorder="1" applyAlignment="1">
      <alignment horizontal="right" vertical="center"/>
    </xf>
    <xf numFmtId="171" fontId="20" fillId="0" borderId="636" xfId="2" applyNumberFormat="1" applyFont="1" applyBorder="1" applyAlignment="1" applyProtection="1">
      <alignment horizontal="right" vertical="center"/>
      <protection locked="0"/>
    </xf>
    <xf numFmtId="171" fontId="19" fillId="0" borderId="637" xfId="2" applyNumberFormat="1" applyFont="1" applyBorder="1" applyAlignment="1">
      <alignment horizontal="right" vertical="center"/>
    </xf>
    <xf numFmtId="171" fontId="19" fillId="0" borderId="636" xfId="2" applyNumberFormat="1" applyFont="1" applyBorder="1" applyAlignment="1">
      <alignment horizontal="right" vertical="center"/>
    </xf>
    <xf numFmtId="171" fontId="19" fillId="0" borderId="638" xfId="2" applyNumberFormat="1" applyFont="1" applyBorder="1" applyAlignment="1">
      <alignment horizontal="right" vertical="center"/>
    </xf>
    <xf numFmtId="171" fontId="19" fillId="0" borderId="638" xfId="2" applyNumberFormat="1" applyFont="1" applyBorder="1" applyAlignment="1" applyProtection="1">
      <alignment vertical="center"/>
      <protection locked="0"/>
    </xf>
    <xf numFmtId="171" fontId="19" fillId="0" borderId="639" xfId="2" applyNumberFormat="1" applyFont="1" applyBorder="1" applyAlignment="1" applyProtection="1">
      <alignment vertical="center"/>
      <protection locked="0"/>
    </xf>
    <xf numFmtId="171" fontId="19" fillId="0" borderId="636" xfId="2" applyNumberFormat="1" applyFont="1" applyBorder="1" applyAlignment="1">
      <alignment vertical="center"/>
    </xf>
    <xf numFmtId="171" fontId="19" fillId="0" borderId="638" xfId="2" applyNumberFormat="1" applyFont="1" applyBorder="1" applyAlignment="1" applyProtection="1">
      <alignment horizontal="right" vertical="center"/>
      <protection locked="0"/>
    </xf>
    <xf numFmtId="171" fontId="19" fillId="0" borderId="639" xfId="2" applyNumberFormat="1" applyFont="1" applyBorder="1" applyAlignment="1" applyProtection="1">
      <alignment horizontal="right" vertical="center"/>
      <protection locked="0"/>
    </xf>
    <xf numFmtId="171" fontId="20" fillId="0" borderId="643" xfId="2" applyNumberFormat="1" applyFont="1" applyBorder="1" applyAlignment="1" applyProtection="1">
      <alignment horizontal="right" vertical="center"/>
      <protection locked="0"/>
    </xf>
    <xf numFmtId="171" fontId="19" fillId="0" borderId="644" xfId="2" applyNumberFormat="1" applyFont="1" applyBorder="1" applyAlignment="1">
      <alignment horizontal="right" vertical="center"/>
    </xf>
    <xf numFmtId="171" fontId="19" fillId="0" borderId="643" xfId="2" applyNumberFormat="1" applyFont="1" applyBorder="1" applyAlignment="1">
      <alignment horizontal="right" vertical="center"/>
    </xf>
    <xf numFmtId="171" fontId="19" fillId="0" borderId="645" xfId="2" applyNumberFormat="1" applyFont="1" applyBorder="1" applyAlignment="1">
      <alignment horizontal="right" vertical="center"/>
    </xf>
    <xf numFmtId="171" fontId="19" fillId="0" borderId="645" xfId="2" applyNumberFormat="1" applyFont="1" applyBorder="1" applyAlignment="1" applyProtection="1">
      <alignment vertical="center"/>
      <protection locked="0"/>
    </xf>
    <xf numFmtId="171" fontId="19" fillId="0" borderId="646" xfId="2" applyNumberFormat="1" applyFont="1" applyBorder="1" applyAlignment="1" applyProtection="1">
      <alignment vertical="center"/>
      <protection locked="0"/>
    </xf>
    <xf numFmtId="171" fontId="19" fillId="0" borderId="643" xfId="2" applyNumberFormat="1" applyFont="1" applyBorder="1" applyAlignment="1">
      <alignment vertical="center"/>
    </xf>
    <xf numFmtId="164" fontId="20" fillId="0" borderId="651" xfId="2" applyNumberFormat="1" applyFont="1" applyBorder="1" applyAlignment="1" applyProtection="1">
      <alignment horizontal="right" vertical="center"/>
      <protection locked="0"/>
    </xf>
    <xf numFmtId="164" fontId="19" fillId="0" borderId="652" xfId="2" applyNumberFormat="1" applyFont="1" applyBorder="1" applyAlignment="1">
      <alignment horizontal="right" vertical="center"/>
    </xf>
    <xf numFmtId="164" fontId="19" fillId="0" borderId="651" xfId="2" applyNumberFormat="1" applyFont="1" applyBorder="1" applyAlignment="1">
      <alignment horizontal="right" vertical="center"/>
    </xf>
    <xf numFmtId="164" fontId="19" fillId="0" borderId="653" xfId="2" applyNumberFormat="1" applyFont="1" applyBorder="1" applyAlignment="1">
      <alignment horizontal="right" vertical="center"/>
    </xf>
    <xf numFmtId="164" fontId="19" fillId="0" borderId="653" xfId="2" applyNumberFormat="1" applyFont="1" applyBorder="1" applyAlignment="1" applyProtection="1">
      <alignment horizontal="right" vertical="center"/>
      <protection locked="0"/>
    </xf>
    <xf numFmtId="164" fontId="19" fillId="0" borderId="654" xfId="2" applyNumberFormat="1" applyFont="1" applyBorder="1" applyAlignment="1" applyProtection="1">
      <alignment horizontal="right" vertical="center"/>
      <protection locked="0"/>
    </xf>
    <xf numFmtId="168" fontId="20" fillId="0" borderId="636" xfId="2" applyNumberFormat="1" applyFont="1" applyBorder="1" applyAlignment="1" applyProtection="1">
      <alignment horizontal="right" vertical="center"/>
      <protection locked="0"/>
    </xf>
    <xf numFmtId="168" fontId="19" fillId="0" borderId="637" xfId="2" applyNumberFormat="1" applyFont="1" applyBorder="1" applyAlignment="1">
      <alignment horizontal="right" vertical="center"/>
    </xf>
    <xf numFmtId="168" fontId="19" fillId="0" borderId="636" xfId="2" applyNumberFormat="1" applyFont="1" applyBorder="1" applyAlignment="1">
      <alignment horizontal="right" vertical="center"/>
    </xf>
    <xf numFmtId="168" fontId="19" fillId="0" borderId="638" xfId="2" applyNumberFormat="1" applyFont="1" applyBorder="1" applyAlignment="1">
      <alignment horizontal="right" vertical="center"/>
    </xf>
    <xf numFmtId="168" fontId="19" fillId="0" borderId="636" xfId="2" applyNumberFormat="1" applyFont="1" applyBorder="1" applyAlignment="1">
      <alignment vertical="center"/>
    </xf>
    <xf numFmtId="168" fontId="19" fillId="0" borderId="638" xfId="2" applyNumberFormat="1" applyFont="1" applyBorder="1" applyAlignment="1" applyProtection="1">
      <alignment vertical="center"/>
      <protection locked="0"/>
    </xf>
    <xf numFmtId="168" fontId="19" fillId="0" borderId="639" xfId="2" applyNumberFormat="1" applyFont="1" applyBorder="1" applyAlignment="1" applyProtection="1">
      <alignment vertical="center"/>
      <protection locked="0"/>
    </xf>
    <xf numFmtId="164" fontId="20" fillId="0" borderId="636" xfId="2" applyNumberFormat="1" applyFont="1" applyBorder="1" applyAlignment="1" applyProtection="1">
      <alignment horizontal="right" vertical="center"/>
      <protection locked="0"/>
    </xf>
    <xf numFmtId="164" fontId="19" fillId="0" borderId="637" xfId="2" applyNumberFormat="1" applyFont="1" applyBorder="1" applyAlignment="1">
      <alignment horizontal="right" vertical="center"/>
    </xf>
    <xf numFmtId="164" fontId="19" fillId="0" borderId="636" xfId="2" applyNumberFormat="1" applyFont="1" applyBorder="1" applyAlignment="1">
      <alignment horizontal="right" vertical="center"/>
    </xf>
    <xf numFmtId="164" fontId="19" fillId="0" borderId="638" xfId="2" applyNumberFormat="1" applyFont="1" applyBorder="1" applyAlignment="1">
      <alignment horizontal="right" vertical="center"/>
    </xf>
    <xf numFmtId="164" fontId="19" fillId="0" borderId="638" xfId="2" applyNumberFormat="1" applyFont="1" applyBorder="1" applyAlignment="1" applyProtection="1">
      <alignment horizontal="right" vertical="center"/>
      <protection locked="0"/>
    </xf>
    <xf numFmtId="164" fontId="19" fillId="0" borderId="639" xfId="2" applyNumberFormat="1" applyFont="1" applyBorder="1" applyAlignment="1" applyProtection="1">
      <alignment horizontal="right" vertical="center"/>
      <protection locked="0"/>
    </xf>
    <xf numFmtId="168" fontId="19" fillId="0" borderId="637" xfId="2" applyNumberFormat="1" applyFont="1" applyBorder="1" applyAlignment="1">
      <alignment vertical="center"/>
    </xf>
    <xf numFmtId="168" fontId="19" fillId="0" borderId="638" xfId="2" applyNumberFormat="1" applyFont="1" applyBorder="1" applyAlignment="1">
      <alignment vertical="center"/>
    </xf>
    <xf numFmtId="176" fontId="20" fillId="0" borderId="636" xfId="2" applyNumberFormat="1" applyFont="1" applyBorder="1" applyAlignment="1" applyProtection="1">
      <alignment horizontal="right" vertical="center"/>
      <protection locked="0"/>
    </xf>
    <xf numFmtId="176" fontId="19" fillId="0" borderId="637" xfId="2" applyNumberFormat="1" applyFont="1" applyBorder="1" applyAlignment="1">
      <alignment vertical="center"/>
    </xf>
    <xf numFmtId="176" fontId="19" fillId="0" borderId="636" xfId="2" applyNumberFormat="1" applyFont="1" applyBorder="1" applyAlignment="1">
      <alignment vertical="center"/>
    </xf>
    <xf numFmtId="176" fontId="19" fillId="0" borderId="638" xfId="2" applyNumberFormat="1" applyFont="1" applyBorder="1" applyAlignment="1">
      <alignment vertical="center"/>
    </xf>
    <xf numFmtId="168" fontId="19" fillId="0" borderId="638" xfId="2" applyNumberFormat="1" applyFont="1" applyBorder="1" applyAlignment="1" applyProtection="1">
      <alignment horizontal="right" vertical="center"/>
      <protection locked="0"/>
    </xf>
    <xf numFmtId="168" fontId="19" fillId="0" borderId="639" xfId="2" applyNumberFormat="1" applyFont="1" applyBorder="1" applyAlignment="1" applyProtection="1">
      <alignment horizontal="right" vertical="center"/>
      <protection locked="0"/>
    </xf>
    <xf numFmtId="164" fontId="6" fillId="33" borderId="638" xfId="2" applyNumberFormat="1" applyFont="1" applyFill="1" applyBorder="1" applyProtection="1">
      <protection locked="0"/>
    </xf>
    <xf numFmtId="164" fontId="6" fillId="33" borderId="655" xfId="2" applyNumberFormat="1" applyFont="1" applyFill="1" applyBorder="1" applyProtection="1">
      <protection locked="0"/>
    </xf>
    <xf numFmtId="168" fontId="20" fillId="0" borderId="643" xfId="2" applyNumberFormat="1" applyFont="1" applyBorder="1" applyAlignment="1" applyProtection="1">
      <alignment horizontal="right" vertical="center"/>
      <protection locked="0"/>
    </xf>
    <xf numFmtId="168" fontId="19" fillId="0" borderId="644" xfId="2" applyNumberFormat="1" applyFont="1" applyBorder="1" applyAlignment="1">
      <alignment vertical="center"/>
    </xf>
    <xf numFmtId="168" fontId="19" fillId="0" borderId="643" xfId="2" applyNumberFormat="1" applyFont="1" applyBorder="1" applyAlignment="1">
      <alignment vertical="center"/>
    </xf>
    <xf numFmtId="168" fontId="19" fillId="0" borderId="645" xfId="2" applyNumberFormat="1" applyFont="1" applyBorder="1" applyAlignment="1">
      <alignment vertical="center"/>
    </xf>
    <xf numFmtId="164" fontId="6" fillId="33" borderId="645" xfId="2" applyNumberFormat="1" applyFont="1" applyFill="1" applyBorder="1" applyProtection="1">
      <protection locked="0"/>
    </xf>
    <xf numFmtId="164" fontId="6" fillId="33" borderId="656" xfId="2" applyNumberFormat="1" applyFont="1" applyFill="1" applyBorder="1" applyProtection="1">
      <protection locked="0"/>
    </xf>
    <xf numFmtId="168" fontId="43" fillId="0" borderId="118" xfId="2" applyNumberFormat="1" applyFont="1" applyBorder="1" applyAlignment="1" applyProtection="1">
      <alignment horizontal="right" vertical="center"/>
      <protection locked="0"/>
    </xf>
    <xf numFmtId="168" fontId="6" fillId="0" borderId="180" xfId="2" applyNumberFormat="1" applyFont="1" applyBorder="1" applyAlignment="1">
      <alignment horizontal="right" vertical="center"/>
    </xf>
    <xf numFmtId="168" fontId="6" fillId="0" borderId="179" xfId="2" applyNumberFormat="1" applyFont="1" applyBorder="1" applyAlignment="1">
      <alignment vertical="center"/>
    </xf>
    <xf numFmtId="168" fontId="6" fillId="0" borderId="118" xfId="2" applyNumberFormat="1" applyFont="1" applyBorder="1" applyAlignment="1">
      <alignment vertical="center"/>
    </xf>
    <xf numFmtId="168" fontId="6" fillId="0" borderId="180" xfId="2" applyNumberFormat="1" applyFont="1" applyBorder="1" applyAlignment="1">
      <alignment vertical="center"/>
    </xf>
    <xf numFmtId="168" fontId="6" fillId="0" borderId="179" xfId="2" applyNumberFormat="1" applyFont="1" applyBorder="1" applyAlignment="1" applyProtection="1">
      <alignment vertical="center"/>
      <protection locked="0"/>
    </xf>
    <xf numFmtId="168" fontId="6" fillId="0" borderId="180" xfId="2" applyNumberFormat="1" applyFont="1" applyBorder="1" applyAlignment="1" applyProtection="1">
      <alignment vertical="center"/>
      <protection locked="0"/>
    </xf>
    <xf numFmtId="168" fontId="6" fillId="0" borderId="657" xfId="2" applyNumberFormat="1" applyFont="1" applyBorder="1" applyAlignment="1">
      <alignment horizontal="right" vertical="center"/>
    </xf>
    <xf numFmtId="168" fontId="43" fillId="0" borderId="658" xfId="2" applyNumberFormat="1" applyFont="1" applyBorder="1" applyAlignment="1" applyProtection="1">
      <alignment horizontal="right" vertical="center"/>
      <protection locked="0"/>
    </xf>
    <xf numFmtId="168" fontId="6" fillId="0" borderId="659" xfId="2" applyNumberFormat="1" applyFont="1" applyBorder="1" applyAlignment="1">
      <alignment horizontal="right" vertical="center"/>
    </xf>
    <xf numFmtId="168" fontId="6" fillId="0" borderId="658" xfId="2" applyNumberFormat="1" applyFont="1" applyBorder="1" applyAlignment="1">
      <alignment vertical="center"/>
    </xf>
    <xf numFmtId="168" fontId="6" fillId="0" borderId="660" xfId="2" applyNumberFormat="1" applyFont="1" applyBorder="1" applyAlignment="1">
      <alignment vertical="center"/>
    </xf>
    <xf numFmtId="168" fontId="6" fillId="0" borderId="660" xfId="2" applyNumberFormat="1" applyFont="1" applyBorder="1" applyAlignment="1" applyProtection="1">
      <alignment vertical="center"/>
      <protection locked="0"/>
    </xf>
    <xf numFmtId="168" fontId="6" fillId="0" borderId="661" xfId="2" applyNumberFormat="1" applyFont="1" applyBorder="1" applyAlignment="1" applyProtection="1">
      <alignment vertical="center"/>
      <protection locked="0"/>
    </xf>
    <xf numFmtId="168" fontId="43" fillId="0" borderId="662" xfId="2" applyNumberFormat="1" applyFont="1" applyBorder="1" applyAlignment="1" applyProtection="1">
      <alignment horizontal="right" vertical="center"/>
      <protection locked="0"/>
    </xf>
    <xf numFmtId="168" fontId="6" fillId="0" borderId="663" xfId="2" applyNumberFormat="1" applyFont="1" applyBorder="1" applyAlignment="1">
      <alignment horizontal="right" vertical="center"/>
    </xf>
    <xf numFmtId="168" fontId="6" fillId="0" borderId="662" xfId="2" applyNumberFormat="1" applyFont="1" applyBorder="1" applyAlignment="1">
      <alignment vertical="center"/>
    </xf>
    <xf numFmtId="168" fontId="6" fillId="0" borderId="664" xfId="2" applyNumberFormat="1" applyFont="1" applyBorder="1" applyAlignment="1">
      <alignment vertical="center"/>
    </xf>
    <xf numFmtId="168" fontId="6" fillId="0" borderId="664" xfId="2" applyNumberFormat="1" applyFont="1" applyBorder="1" applyAlignment="1" applyProtection="1">
      <alignment vertical="center"/>
      <protection locked="0"/>
    </xf>
    <xf numFmtId="168" fontId="6" fillId="0" borderId="665" xfId="2" applyNumberFormat="1" applyFont="1" applyBorder="1" applyAlignment="1" applyProtection="1">
      <alignment vertical="center"/>
      <protection locked="0"/>
    </xf>
    <xf numFmtId="168" fontId="6" fillId="0" borderId="664" xfId="2" applyNumberFormat="1" applyFont="1" applyBorder="1" applyAlignment="1" applyProtection="1">
      <alignment horizontal="right" vertical="center"/>
      <protection locked="0"/>
    </xf>
    <xf numFmtId="168" fontId="43" fillId="0" borderId="666" xfId="2" applyNumberFormat="1" applyFont="1" applyBorder="1" applyAlignment="1" applyProtection="1">
      <alignment horizontal="right" vertical="center"/>
      <protection locked="0"/>
    </xf>
    <xf numFmtId="168" fontId="6" fillId="0" borderId="667" xfId="2" applyNumberFormat="1" applyFont="1" applyBorder="1" applyAlignment="1">
      <alignment horizontal="right" vertical="center"/>
    </xf>
    <xf numFmtId="168" fontId="6" fillId="0" borderId="666" xfId="2" applyNumberFormat="1" applyFont="1" applyBorder="1" applyAlignment="1">
      <alignment vertical="center"/>
    </xf>
    <xf numFmtId="168" fontId="6" fillId="0" borderId="668" xfId="2" applyNumberFormat="1" applyFont="1" applyBorder="1" applyAlignment="1">
      <alignment vertical="center"/>
    </xf>
    <xf numFmtId="168" fontId="6" fillId="0" borderId="668" xfId="2" applyNumberFormat="1" applyFont="1" applyBorder="1" applyAlignment="1" applyProtection="1">
      <alignment horizontal="right" vertical="center"/>
      <protection locked="0"/>
    </xf>
    <xf numFmtId="168" fontId="6" fillId="0" borderId="669" xfId="2" applyNumberFormat="1" applyFont="1" applyBorder="1" applyAlignment="1" applyProtection="1">
      <alignment horizontal="right" vertical="center"/>
      <protection locked="0"/>
    </xf>
    <xf numFmtId="168" fontId="43" fillId="0" borderId="670" xfId="2" applyNumberFormat="1" applyFont="1" applyBorder="1" applyAlignment="1" applyProtection="1">
      <alignment horizontal="right" vertical="center"/>
      <protection locked="0"/>
    </xf>
    <xf numFmtId="168" fontId="6" fillId="0" borderId="671" xfId="2" applyNumberFormat="1" applyFont="1" applyBorder="1" applyAlignment="1">
      <alignment horizontal="right" vertical="center"/>
    </xf>
    <xf numFmtId="168" fontId="6" fillId="0" borderId="670" xfId="2" applyNumberFormat="1" applyFont="1" applyBorder="1" applyAlignment="1">
      <alignment vertical="center"/>
    </xf>
    <xf numFmtId="168" fontId="6" fillId="0" borderId="672" xfId="2" applyNumberFormat="1" applyFont="1" applyBorder="1" applyAlignment="1">
      <alignment vertical="center"/>
    </xf>
    <xf numFmtId="168" fontId="6" fillId="0" borderId="672" xfId="2" applyNumberFormat="1" applyFont="1" applyBorder="1" applyAlignment="1" applyProtection="1">
      <alignment horizontal="right" vertical="center"/>
      <protection locked="0"/>
    </xf>
    <xf numFmtId="11" fontId="20" fillId="0" borderId="673" xfId="2" applyNumberFormat="1" applyFont="1" applyBorder="1" applyAlignment="1" applyProtection="1">
      <alignment horizontal="right" vertical="center"/>
      <protection locked="0"/>
    </xf>
    <xf numFmtId="11" fontId="19" fillId="0" borderId="674" xfId="2" applyNumberFormat="1" applyFont="1" applyBorder="1" applyAlignment="1">
      <alignment horizontal="right" vertical="center"/>
    </xf>
    <xf numFmtId="11" fontId="19" fillId="0" borderId="673" xfId="2" applyNumberFormat="1" applyFont="1" applyBorder="1" applyAlignment="1">
      <alignment horizontal="right" vertical="center"/>
    </xf>
    <xf numFmtId="11" fontId="19" fillId="0" borderId="675" xfId="2" quotePrefix="1" applyNumberFormat="1" applyFont="1" applyBorder="1" applyAlignment="1">
      <alignment horizontal="right" vertical="center"/>
    </xf>
    <xf numFmtId="11" fontId="19" fillId="0" borderId="675" xfId="2" applyNumberFormat="1" applyFont="1" applyBorder="1" applyAlignment="1" applyProtection="1">
      <alignment horizontal="right" vertical="center"/>
      <protection locked="0"/>
    </xf>
    <xf numFmtId="11" fontId="19" fillId="0" borderId="676" xfId="2" applyNumberFormat="1" applyFont="1" applyBorder="1" applyAlignment="1" applyProtection="1">
      <alignment horizontal="right" vertical="center"/>
      <protection locked="0"/>
    </xf>
    <xf numFmtId="169" fontId="43" fillId="0" borderId="666" xfId="2" applyNumberFormat="1" applyFont="1" applyBorder="1" applyAlignment="1" applyProtection="1">
      <alignment horizontal="right" vertical="center"/>
      <protection locked="0"/>
    </xf>
    <xf numFmtId="169" fontId="6" fillId="0" borderId="667" xfId="2" applyNumberFormat="1" applyFont="1" applyBorder="1" applyAlignment="1">
      <alignment horizontal="right" vertical="center"/>
    </xf>
    <xf numFmtId="169" fontId="6" fillId="0" borderId="666" xfId="2" applyNumberFormat="1" applyFont="1" applyBorder="1" applyAlignment="1">
      <alignment vertical="center"/>
    </xf>
    <xf numFmtId="169" fontId="6" fillId="0" borderId="668" xfId="2" applyNumberFormat="1" applyFont="1" applyBorder="1" applyAlignment="1">
      <alignment vertical="center"/>
    </xf>
    <xf numFmtId="169" fontId="6" fillId="0" borderId="668" xfId="2" applyNumberFormat="1" applyFont="1" applyBorder="1" applyAlignment="1" applyProtection="1">
      <alignment horizontal="right" vertical="center"/>
      <protection locked="0"/>
    </xf>
    <xf numFmtId="169" fontId="6" fillId="0" borderId="669" xfId="2" applyNumberFormat="1" applyFont="1" applyBorder="1" applyAlignment="1" applyProtection="1">
      <alignment horizontal="right" vertical="center"/>
      <protection locked="0"/>
    </xf>
    <xf numFmtId="169" fontId="6" fillId="0" borderId="666" xfId="2" applyNumberFormat="1" applyFont="1" applyBorder="1" applyAlignment="1">
      <alignment horizontal="right" vertical="center"/>
    </xf>
    <xf numFmtId="171" fontId="43" fillId="0" borderId="666" xfId="2" applyNumberFormat="1" applyFont="1" applyBorder="1" applyAlignment="1" applyProtection="1">
      <alignment horizontal="right" vertical="center"/>
      <protection locked="0"/>
    </xf>
    <xf numFmtId="171" fontId="6" fillId="0" borderId="667" xfId="2" applyNumberFormat="1" applyFont="1" applyBorder="1" applyAlignment="1">
      <alignment horizontal="right" vertical="center"/>
    </xf>
    <xf numFmtId="171" fontId="6" fillId="0" borderId="666" xfId="2" applyNumberFormat="1" applyFont="1" applyBorder="1" applyAlignment="1">
      <alignment vertical="center"/>
    </xf>
    <xf numFmtId="171" fontId="6" fillId="0" borderId="668" xfId="2" applyNumberFormat="1" applyFont="1" applyBorder="1" applyAlignment="1">
      <alignment vertical="center"/>
    </xf>
    <xf numFmtId="171" fontId="6" fillId="0" borderId="668" xfId="2" applyNumberFormat="1" applyFont="1" applyBorder="1" applyAlignment="1" applyProtection="1">
      <alignment horizontal="right" vertical="center"/>
      <protection locked="0"/>
    </xf>
    <xf numFmtId="171" fontId="6" fillId="0" borderId="669" xfId="2" applyNumberFormat="1" applyFont="1" applyBorder="1" applyAlignment="1" applyProtection="1">
      <alignment horizontal="right" vertical="center"/>
      <protection locked="0"/>
    </xf>
    <xf numFmtId="171" fontId="43" fillId="0" borderId="677" xfId="2" applyNumberFormat="1" applyFont="1" applyBorder="1" applyAlignment="1" applyProtection="1">
      <alignment horizontal="right" vertical="center"/>
      <protection locked="0"/>
    </xf>
    <xf numFmtId="171" fontId="6" fillId="0" borderId="678" xfId="2" applyNumberFormat="1" applyFont="1" applyBorder="1" applyAlignment="1">
      <alignment horizontal="right" vertical="center"/>
    </xf>
    <xf numFmtId="171" fontId="6" fillId="0" borderId="677" xfId="2" applyNumberFormat="1" applyFont="1" applyBorder="1" applyAlignment="1">
      <alignment vertical="center"/>
    </xf>
    <xf numFmtId="171" fontId="6" fillId="0" borderId="679" xfId="2" applyNumberFormat="1" applyFont="1" applyBorder="1" applyAlignment="1">
      <alignment vertical="center"/>
    </xf>
    <xf numFmtId="171" fontId="6" fillId="0" borderId="680" xfId="2" applyNumberFormat="1" applyFont="1" applyBorder="1" applyAlignment="1" applyProtection="1">
      <alignment horizontal="right" vertical="center"/>
      <protection locked="0"/>
    </xf>
    <xf numFmtId="171" fontId="6" fillId="0" borderId="681" xfId="2" applyNumberFormat="1" applyFont="1" applyBorder="1" applyAlignment="1" applyProtection="1">
      <alignment horizontal="right" vertical="center"/>
      <protection locked="0"/>
    </xf>
    <xf numFmtId="171" fontId="19" fillId="0" borderId="677" xfId="2" applyNumberFormat="1" applyFont="1" applyBorder="1" applyAlignment="1">
      <alignment vertical="center"/>
    </xf>
    <xf numFmtId="171" fontId="20" fillId="0" borderId="677" xfId="2" applyNumberFormat="1" applyFont="1" applyBorder="1" applyAlignment="1" applyProtection="1">
      <alignment horizontal="right" vertical="center"/>
      <protection locked="0"/>
    </xf>
    <xf numFmtId="171" fontId="19" fillId="0" borderId="678" xfId="2" applyNumberFormat="1" applyFont="1" applyBorder="1" applyAlignment="1">
      <alignment horizontal="right" vertical="center"/>
    </xf>
    <xf numFmtId="171" fontId="19" fillId="0" borderId="679" xfId="2" applyNumberFormat="1" applyFont="1" applyBorder="1" applyAlignment="1">
      <alignment vertical="center"/>
    </xf>
    <xf numFmtId="171" fontId="20" fillId="0" borderId="682" xfId="2" applyNumberFormat="1" applyFont="1" applyBorder="1" applyAlignment="1" applyProtection="1">
      <alignment horizontal="right" vertical="center"/>
      <protection locked="0"/>
    </xf>
    <xf numFmtId="171" fontId="19" fillId="0" borderId="683" xfId="2" applyNumberFormat="1" applyFont="1" applyBorder="1" applyAlignment="1">
      <alignment horizontal="right" vertical="center"/>
    </xf>
    <xf numFmtId="171" fontId="19" fillId="0" borderId="682" xfId="2" applyNumberFormat="1" applyFont="1" applyBorder="1" applyAlignment="1">
      <alignment vertical="center"/>
    </xf>
    <xf numFmtId="171" fontId="19" fillId="0" borderId="684" xfId="2" applyNumberFormat="1" applyFont="1" applyBorder="1" applyAlignment="1">
      <alignment vertical="center"/>
    </xf>
    <xf numFmtId="171" fontId="19" fillId="0" borderId="685" xfId="2" applyNumberFormat="1" applyFont="1" applyBorder="1" applyAlignment="1" applyProtection="1">
      <alignment horizontal="right" vertical="center"/>
      <protection locked="0"/>
    </xf>
    <xf numFmtId="171" fontId="19" fillId="0" borderId="686" xfId="2" applyNumberFormat="1" applyFont="1" applyBorder="1" applyAlignment="1" applyProtection="1">
      <alignment horizontal="right" vertical="center"/>
      <protection locked="0"/>
    </xf>
    <xf numFmtId="171" fontId="20" fillId="0" borderId="687" xfId="2" applyNumberFormat="1" applyFont="1" applyBorder="1" applyAlignment="1" applyProtection="1">
      <alignment horizontal="right" vertical="center"/>
      <protection locked="0"/>
    </xf>
    <xf numFmtId="171" fontId="19" fillId="0" borderId="688" xfId="2" applyNumberFormat="1" applyFont="1" applyBorder="1" applyAlignment="1">
      <alignment horizontal="right" vertical="center"/>
    </xf>
    <xf numFmtId="171" fontId="19" fillId="0" borderId="687" xfId="2" applyNumberFormat="1" applyFont="1" applyBorder="1" applyAlignment="1">
      <alignment vertical="center"/>
    </xf>
    <xf numFmtId="171" fontId="19" fillId="0" borderId="689" xfId="2" applyNumberFormat="1" applyFont="1" applyBorder="1" applyAlignment="1">
      <alignment vertical="center"/>
    </xf>
    <xf numFmtId="171" fontId="19" fillId="0" borderId="689" xfId="2" applyNumberFormat="1" applyFont="1" applyBorder="1" applyAlignment="1" applyProtection="1">
      <alignment horizontal="right" vertical="center"/>
      <protection locked="0"/>
    </xf>
    <xf numFmtId="171" fontId="19" fillId="0" borderId="690" xfId="2" applyNumberFormat="1" applyFont="1" applyBorder="1" applyAlignment="1" applyProtection="1">
      <alignment horizontal="right" vertical="center"/>
      <protection locked="0"/>
    </xf>
    <xf numFmtId="171" fontId="19" fillId="0" borderId="689" xfId="2" quotePrefix="1" applyNumberFormat="1" applyFont="1" applyBorder="1" applyAlignment="1">
      <alignment vertical="center"/>
    </xf>
    <xf numFmtId="171" fontId="20" fillId="0" borderId="218" xfId="2" applyNumberFormat="1" applyFont="1" applyBorder="1" applyAlignment="1" applyProtection="1">
      <alignment horizontal="right" vertical="center"/>
      <protection locked="0"/>
    </xf>
    <xf numFmtId="171" fontId="19" fillId="0" borderId="169" xfId="2" applyNumberFormat="1" applyFont="1" applyBorder="1" applyAlignment="1">
      <alignment horizontal="right" vertical="center"/>
    </xf>
    <xf numFmtId="171" fontId="19" fillId="0" borderId="691" xfId="2" applyNumberFormat="1" applyFont="1" applyBorder="1" applyAlignment="1">
      <alignment horizontal="right" vertical="center"/>
    </xf>
    <xf numFmtId="171" fontId="19" fillId="0" borderId="218" xfId="2" applyNumberFormat="1" applyFont="1" applyBorder="1" applyAlignment="1">
      <alignment vertical="center"/>
    </xf>
    <xf numFmtId="171" fontId="19" fillId="0" borderId="169" xfId="2" applyNumberFormat="1" applyFont="1" applyBorder="1" applyAlignment="1">
      <alignment vertical="center"/>
    </xf>
    <xf numFmtId="171" fontId="19" fillId="0" borderId="691" xfId="2" applyNumberFormat="1" applyFont="1" applyBorder="1" applyAlignment="1">
      <alignment vertical="center"/>
    </xf>
    <xf numFmtId="171" fontId="19" fillId="0" borderId="691" xfId="2" applyNumberFormat="1" applyFont="1" applyBorder="1" applyAlignment="1" applyProtection="1">
      <alignment horizontal="right" vertical="center"/>
      <protection locked="0"/>
    </xf>
    <xf numFmtId="171" fontId="19" fillId="0" borderId="169" xfId="2" applyNumberFormat="1" applyFont="1" applyBorder="1" applyAlignment="1" applyProtection="1">
      <alignment horizontal="right" vertical="center"/>
      <protection locked="0"/>
    </xf>
    <xf numFmtId="168" fontId="6" fillId="34" borderId="692" xfId="2" applyNumberFormat="1" applyFont="1" applyFill="1" applyBorder="1" applyAlignment="1" applyProtection="1">
      <alignment vertical="center"/>
      <protection locked="0"/>
    </xf>
    <xf numFmtId="168" fontId="6" fillId="34" borderId="693" xfId="2" applyNumberFormat="1" applyFont="1" applyFill="1" applyBorder="1" applyAlignment="1" applyProtection="1">
      <alignment vertical="center"/>
      <protection locked="0"/>
    </xf>
    <xf numFmtId="168" fontId="6" fillId="34" borderId="13" xfId="2" applyNumberFormat="1" applyFont="1" applyFill="1" applyBorder="1" applyAlignment="1">
      <alignment vertical="center"/>
    </xf>
    <xf numFmtId="168" fontId="20" fillId="0" borderId="662" xfId="2" applyNumberFormat="1" applyFont="1" applyBorder="1" applyAlignment="1" applyProtection="1">
      <alignment horizontal="right" vertical="center"/>
      <protection locked="0"/>
    </xf>
    <xf numFmtId="168" fontId="19" fillId="0" borderId="663" xfId="2" applyNumberFormat="1" applyFont="1" applyBorder="1" applyAlignment="1">
      <alignment horizontal="right" vertical="center"/>
    </xf>
    <xf numFmtId="168" fontId="19" fillId="0" borderId="662" xfId="2" applyNumberFormat="1" applyFont="1" applyBorder="1" applyAlignment="1">
      <alignment horizontal="right" vertical="center"/>
    </xf>
    <xf numFmtId="168" fontId="19" fillId="0" borderId="664" xfId="2" applyNumberFormat="1" applyFont="1" applyBorder="1" applyAlignment="1">
      <alignment horizontal="right" vertical="center"/>
    </xf>
    <xf numFmtId="168" fontId="6" fillId="35" borderId="694" xfId="2" applyNumberFormat="1" applyFont="1" applyFill="1" applyBorder="1" applyProtection="1">
      <protection locked="0"/>
    </xf>
    <xf numFmtId="168" fontId="6" fillId="35" borderId="695" xfId="2" applyNumberFormat="1" applyFont="1" applyFill="1" applyBorder="1" applyProtection="1">
      <protection locked="0"/>
    </xf>
    <xf numFmtId="168" fontId="6" fillId="35" borderId="0" xfId="2" applyNumberFormat="1" applyFont="1" applyFill="1"/>
    <xf numFmtId="168" fontId="19" fillId="36" borderId="694" xfId="2" applyNumberFormat="1" applyFont="1" applyFill="1" applyBorder="1" applyAlignment="1" applyProtection="1">
      <alignment horizontal="right" vertical="center"/>
      <protection locked="0"/>
    </xf>
    <xf numFmtId="168" fontId="19" fillId="36" borderId="695" xfId="2" applyNumberFormat="1" applyFont="1" applyFill="1" applyBorder="1" applyAlignment="1" applyProtection="1">
      <alignment horizontal="right" vertical="center"/>
      <protection locked="0"/>
    </xf>
    <xf numFmtId="168" fontId="19" fillId="36" borderId="0" xfId="2" applyNumberFormat="1" applyFont="1" applyFill="1" applyAlignment="1">
      <alignment horizontal="right" vertical="center"/>
    </xf>
    <xf numFmtId="168" fontId="19" fillId="36" borderId="696" xfId="2" applyNumberFormat="1" applyFont="1" applyFill="1" applyBorder="1" applyAlignment="1" applyProtection="1">
      <alignment horizontal="right" vertical="center"/>
      <protection locked="0"/>
    </xf>
    <xf numFmtId="168" fontId="19" fillId="36" borderId="697" xfId="2" applyNumberFormat="1" applyFont="1" applyFill="1" applyBorder="1" applyAlignment="1" applyProtection="1">
      <alignment horizontal="right" vertical="center"/>
      <protection locked="0"/>
    </xf>
    <xf numFmtId="168" fontId="19" fillId="36" borderId="698" xfId="2" applyNumberFormat="1" applyFont="1" applyFill="1" applyBorder="1" applyAlignment="1">
      <alignment horizontal="right" vertical="center"/>
    </xf>
    <xf numFmtId="168" fontId="43" fillId="0" borderId="699" xfId="2" quotePrefix="1" applyNumberFormat="1" applyFont="1" applyBorder="1" applyAlignment="1" applyProtection="1">
      <alignment horizontal="right" vertical="center"/>
      <protection locked="0"/>
    </xf>
    <xf numFmtId="168" fontId="6" fillId="0" borderId="700" xfId="2" applyNumberFormat="1" applyFont="1" applyBorder="1" applyAlignment="1">
      <alignment horizontal="right" vertical="center"/>
    </xf>
    <xf numFmtId="168" fontId="6" fillId="0" borderId="701" xfId="2" applyNumberFormat="1" applyFont="1" applyBorder="1" applyAlignment="1">
      <alignment vertical="center"/>
    </xf>
    <xf numFmtId="168" fontId="6" fillId="0" borderId="699" xfId="2" applyNumberFormat="1" applyFont="1" applyBorder="1" applyAlignment="1">
      <alignment vertical="center"/>
    </xf>
    <xf numFmtId="168" fontId="6" fillId="0" borderId="699" xfId="2" quotePrefix="1" applyNumberFormat="1" applyFont="1" applyBorder="1" applyAlignment="1">
      <alignment vertical="center"/>
    </xf>
    <xf numFmtId="168" fontId="6" fillId="0" borderId="702" xfId="2" applyNumberFormat="1" applyFont="1" applyBorder="1" applyAlignment="1">
      <alignment vertical="center"/>
    </xf>
    <xf numFmtId="168" fontId="6" fillId="0" borderId="703" xfId="2" applyNumberFormat="1" applyFont="1" applyBorder="1" applyAlignment="1">
      <alignment vertical="center"/>
    </xf>
    <xf numFmtId="168" fontId="6" fillId="0" borderId="704" xfId="2" applyNumberFormat="1" applyFont="1" applyBorder="1" applyAlignment="1">
      <alignment vertical="center"/>
    </xf>
    <xf numFmtId="168" fontId="6" fillId="0" borderId="705" xfId="2" applyNumberFormat="1" applyFont="1" applyBorder="1" applyAlignment="1">
      <alignment vertical="center"/>
    </xf>
    <xf numFmtId="168" fontId="43" fillId="0" borderId="706" xfId="2" quotePrefix="1" applyNumberFormat="1" applyFont="1" applyBorder="1" applyAlignment="1" applyProtection="1">
      <alignment horizontal="right" vertical="center"/>
      <protection locked="0"/>
    </xf>
    <xf numFmtId="168" fontId="6" fillId="0" borderId="707" xfId="2" applyNumberFormat="1" applyFont="1" applyBorder="1" applyAlignment="1">
      <alignment horizontal="right" vertical="center"/>
    </xf>
    <xf numFmtId="168" fontId="6" fillId="0" borderId="708" xfId="2" applyNumberFormat="1" applyFont="1" applyBorder="1" applyAlignment="1">
      <alignment vertical="center"/>
    </xf>
    <xf numFmtId="168" fontId="6" fillId="0" borderId="706" xfId="2" applyNumberFormat="1" applyFont="1" applyBorder="1" applyAlignment="1">
      <alignment vertical="center"/>
    </xf>
    <xf numFmtId="168" fontId="6" fillId="0" borderId="706" xfId="2" quotePrefix="1" applyNumberFormat="1" applyFont="1" applyBorder="1" applyAlignment="1">
      <alignment vertical="center"/>
    </xf>
    <xf numFmtId="168" fontId="6" fillId="0" borderId="709" xfId="2" applyNumberFormat="1" applyFont="1" applyBorder="1" applyAlignment="1">
      <alignment vertical="center"/>
    </xf>
    <xf numFmtId="168" fontId="6" fillId="0" borderId="710" xfId="2" applyNumberFormat="1" applyFont="1" applyBorder="1" applyAlignment="1">
      <alignment vertical="center"/>
    </xf>
    <xf numFmtId="168" fontId="6" fillId="0" borderId="711" xfId="2" applyNumberFormat="1" applyFont="1" applyBorder="1" applyAlignment="1">
      <alignment vertical="center"/>
    </xf>
    <xf numFmtId="168" fontId="6" fillId="0" borderId="712" xfId="2" applyNumberFormat="1" applyFont="1" applyBorder="1" applyAlignment="1">
      <alignment vertical="center"/>
    </xf>
    <xf numFmtId="168" fontId="43" fillId="0" borderId="706" xfId="2" applyNumberFormat="1" applyFont="1" applyBorder="1" applyAlignment="1" applyProtection="1">
      <alignment horizontal="right" vertical="center"/>
      <protection locked="0"/>
    </xf>
    <xf numFmtId="164" fontId="6" fillId="0" borderId="707" xfId="2" applyNumberFormat="1" applyFont="1" applyBorder="1" applyAlignment="1">
      <alignment horizontal="right" vertical="center"/>
    </xf>
    <xf numFmtId="164" fontId="6" fillId="0" borderId="708" xfId="2" applyNumberFormat="1" applyFont="1" applyBorder="1" applyAlignment="1">
      <alignment vertical="center"/>
    </xf>
    <xf numFmtId="164" fontId="6" fillId="0" borderId="706" xfId="2" applyNumberFormat="1" applyFont="1" applyBorder="1" applyAlignment="1">
      <alignment vertical="center"/>
    </xf>
    <xf numFmtId="164" fontId="6" fillId="0" borderId="709" xfId="2" applyNumberFormat="1" applyFont="1" applyBorder="1" applyAlignment="1">
      <alignment vertical="center"/>
    </xf>
    <xf numFmtId="164" fontId="6" fillId="0" borderId="710" xfId="2" applyNumberFormat="1" applyFont="1" applyBorder="1" applyAlignment="1">
      <alignment vertical="center"/>
    </xf>
    <xf numFmtId="0" fontId="6" fillId="0" borderId="711" xfId="2" applyFont="1" applyBorder="1" applyAlignment="1">
      <alignment vertical="center"/>
    </xf>
    <xf numFmtId="0" fontId="6" fillId="0" borderId="712" xfId="2" applyFont="1" applyBorder="1" applyAlignment="1">
      <alignment vertical="center"/>
    </xf>
    <xf numFmtId="168" fontId="6" fillId="0" borderId="708" xfId="2" applyNumberFormat="1" applyFont="1" applyBorder="1" applyAlignment="1">
      <alignment horizontal="right" vertical="center"/>
    </xf>
    <xf numFmtId="168" fontId="6" fillId="0" borderId="706" xfId="2" applyNumberFormat="1" applyFont="1" applyBorder="1" applyAlignment="1">
      <alignment horizontal="right" vertical="center"/>
    </xf>
    <xf numFmtId="168" fontId="6" fillId="0" borderId="709" xfId="2" applyNumberFormat="1" applyFont="1" applyBorder="1" applyAlignment="1">
      <alignment horizontal="right" vertical="center"/>
    </xf>
    <xf numFmtId="168" fontId="6" fillId="0" borderId="710" xfId="2" applyNumberFormat="1" applyFont="1" applyBorder="1" applyAlignment="1">
      <alignment horizontal="right" vertical="center"/>
    </xf>
    <xf numFmtId="168" fontId="6" fillId="0" borderId="711" xfId="2" applyNumberFormat="1" applyFont="1" applyBorder="1" applyAlignment="1">
      <alignment horizontal="right" vertical="center"/>
    </xf>
    <xf numFmtId="168" fontId="6" fillId="0" borderId="712" xfId="2" applyNumberFormat="1" applyFont="1" applyBorder="1" applyAlignment="1">
      <alignment horizontal="right" vertical="center"/>
    </xf>
    <xf numFmtId="168" fontId="43" fillId="0" borderId="713" xfId="2" applyNumberFormat="1" applyFont="1" applyBorder="1" applyAlignment="1" applyProtection="1">
      <alignment horizontal="right" vertical="center"/>
      <protection locked="0"/>
    </xf>
    <xf numFmtId="168" fontId="6" fillId="0" borderId="714" xfId="2" applyNumberFormat="1" applyFont="1" applyBorder="1" applyAlignment="1">
      <alignment horizontal="right" vertical="center"/>
    </xf>
    <xf numFmtId="168" fontId="6" fillId="0" borderId="715" xfId="2" applyNumberFormat="1" applyFont="1" applyBorder="1" applyAlignment="1">
      <alignment vertical="center"/>
    </xf>
    <xf numFmtId="168" fontId="6" fillId="0" borderId="713" xfId="2" applyNumberFormat="1" applyFont="1" applyBorder="1" applyAlignment="1">
      <alignment vertical="center"/>
    </xf>
    <xf numFmtId="168" fontId="6" fillId="0" borderId="716" xfId="2" applyNumberFormat="1" applyFont="1" applyBorder="1" applyAlignment="1">
      <alignment vertical="center"/>
    </xf>
    <xf numFmtId="168" fontId="6" fillId="0" borderId="717" xfId="2" applyNumberFormat="1" applyFont="1" applyBorder="1" applyAlignment="1">
      <alignment vertical="center"/>
    </xf>
    <xf numFmtId="168" fontId="6" fillId="0" borderId="718" xfId="2" applyNumberFormat="1" applyFont="1" applyBorder="1" applyAlignment="1">
      <alignment vertical="center"/>
    </xf>
    <xf numFmtId="168" fontId="6" fillId="0" borderId="719" xfId="2" applyNumberFormat="1" applyFont="1" applyBorder="1" applyAlignment="1">
      <alignment vertical="center"/>
    </xf>
    <xf numFmtId="168" fontId="43" fillId="0" borderId="720" xfId="2" applyNumberFormat="1" applyFont="1" applyBorder="1" applyAlignment="1" applyProtection="1">
      <alignment horizontal="right" vertical="center"/>
      <protection locked="0"/>
    </xf>
    <xf numFmtId="177" fontId="6" fillId="0" borderId="721" xfId="2" applyNumberFormat="1" applyFont="1" applyBorder="1" applyAlignment="1">
      <alignment horizontal="right" vertical="center"/>
    </xf>
    <xf numFmtId="177" fontId="6" fillId="0" borderId="722" xfId="2" applyNumberFormat="1" applyFont="1" applyBorder="1" applyAlignment="1">
      <alignment vertical="center"/>
    </xf>
    <xf numFmtId="177" fontId="6" fillId="0" borderId="720" xfId="2" applyNumberFormat="1" applyFont="1" applyBorder="1" applyAlignment="1">
      <alignment vertical="center"/>
    </xf>
    <xf numFmtId="177" fontId="6" fillId="0" borderId="723" xfId="2" applyNumberFormat="1" applyFont="1" applyBorder="1" applyAlignment="1">
      <alignment vertical="center"/>
    </xf>
    <xf numFmtId="177" fontId="6" fillId="0" borderId="724" xfId="2" applyNumberFormat="1" applyFont="1" applyBorder="1" applyAlignment="1">
      <alignment vertical="center"/>
    </xf>
    <xf numFmtId="0" fontId="6" fillId="0" borderId="725" xfId="2" applyFont="1" applyBorder="1" applyAlignment="1">
      <alignment vertical="center"/>
    </xf>
    <xf numFmtId="0" fontId="6" fillId="0" borderId="726" xfId="2" applyFont="1" applyBorder="1" applyAlignment="1">
      <alignment vertical="center"/>
    </xf>
    <xf numFmtId="171" fontId="43" fillId="0" borderId="699" xfId="2" applyNumberFormat="1" applyFont="1" applyBorder="1" applyAlignment="1" applyProtection="1">
      <alignment horizontal="right" vertical="center"/>
      <protection locked="0"/>
    </xf>
    <xf numFmtId="171" fontId="6" fillId="0" borderId="700" xfId="2" applyNumberFormat="1" applyFont="1" applyBorder="1" applyAlignment="1">
      <alignment horizontal="right" vertical="center"/>
    </xf>
    <xf numFmtId="171" fontId="6" fillId="0" borderId="701" xfId="2" applyNumberFormat="1" applyFont="1" applyBorder="1" applyAlignment="1">
      <alignment vertical="center"/>
    </xf>
    <xf numFmtId="171" fontId="6" fillId="0" borderId="699" xfId="2" applyNumberFormat="1" applyFont="1" applyBorder="1" applyAlignment="1">
      <alignment vertical="center"/>
    </xf>
    <xf numFmtId="171" fontId="6" fillId="0" borderId="702" xfId="2" applyNumberFormat="1" applyFont="1" applyBorder="1" applyAlignment="1">
      <alignment vertical="center"/>
    </xf>
    <xf numFmtId="171" fontId="6" fillId="0" borderId="703" xfId="2" applyNumberFormat="1" applyFont="1" applyBorder="1" applyAlignment="1">
      <alignment vertical="center"/>
    </xf>
    <xf numFmtId="171" fontId="6" fillId="0" borderId="704" xfId="2" applyNumberFormat="1" applyFont="1" applyBorder="1" applyAlignment="1">
      <alignment vertical="center"/>
    </xf>
    <xf numFmtId="171" fontId="6" fillId="0" borderId="705" xfId="2" applyNumberFormat="1" applyFont="1" applyBorder="1" applyAlignment="1">
      <alignment vertical="center"/>
    </xf>
    <xf numFmtId="171" fontId="6" fillId="0" borderId="699" xfId="2" applyNumberFormat="1" applyFont="1" applyBorder="1" applyAlignment="1">
      <alignment horizontal="right" vertical="center"/>
    </xf>
    <xf numFmtId="171" fontId="43" fillId="0" borderId="713" xfId="2" applyNumberFormat="1" applyFont="1" applyBorder="1" applyAlignment="1" applyProtection="1">
      <alignment horizontal="right" vertical="center"/>
      <protection locked="0"/>
    </xf>
    <xf numFmtId="171" fontId="6" fillId="0" borderId="714" xfId="2" applyNumberFormat="1" applyFont="1" applyBorder="1" applyAlignment="1">
      <alignment horizontal="right" vertical="center"/>
    </xf>
    <xf numFmtId="171" fontId="6" fillId="0" borderId="715" xfId="2" applyNumberFormat="1" applyFont="1" applyBorder="1" applyAlignment="1">
      <alignment vertical="center"/>
    </xf>
    <xf numFmtId="171" fontId="6" fillId="0" borderId="713" xfId="2" applyNumberFormat="1" applyFont="1" applyBorder="1" applyAlignment="1">
      <alignment horizontal="right" vertical="center"/>
    </xf>
    <xf numFmtId="171" fontId="6" fillId="0" borderId="716" xfId="2" applyNumberFormat="1" applyFont="1" applyBorder="1" applyAlignment="1">
      <alignment horizontal="right" vertical="center"/>
    </xf>
    <xf numFmtId="171" fontId="6" fillId="0" borderId="717" xfId="2" applyNumberFormat="1" applyFont="1" applyBorder="1" applyAlignment="1">
      <alignment vertical="center"/>
    </xf>
    <xf numFmtId="171" fontId="6" fillId="0" borderId="718" xfId="2" applyNumberFormat="1" applyFont="1" applyBorder="1" applyAlignment="1">
      <alignment horizontal="right" vertical="center"/>
    </xf>
    <xf numFmtId="171" fontId="6" fillId="0" borderId="719" xfId="2" applyNumberFormat="1" applyFont="1" applyBorder="1" applyAlignment="1">
      <alignment horizontal="right" vertical="center"/>
    </xf>
    <xf numFmtId="0" fontId="51" fillId="0" borderId="727" xfId="2" applyFont="1" applyBorder="1" applyAlignment="1" applyProtection="1">
      <alignment vertical="center"/>
      <protection locked="0"/>
    </xf>
    <xf numFmtId="0" fontId="6" fillId="0" borderId="728" xfId="2" applyFont="1" applyBorder="1" applyAlignment="1" applyProtection="1">
      <alignment vertical="center"/>
      <protection locked="0"/>
    </xf>
    <xf numFmtId="168" fontId="6" fillId="0" borderId="707" xfId="2" quotePrefix="1" applyNumberFormat="1" applyFont="1" applyBorder="1" applyAlignment="1">
      <alignment horizontal="right" vertical="center"/>
    </xf>
    <xf numFmtId="0" fontId="6" fillId="0" borderId="729" xfId="2" applyFont="1" applyBorder="1" applyAlignment="1" applyProtection="1">
      <alignment vertical="center"/>
      <protection locked="0"/>
    </xf>
    <xf numFmtId="0" fontId="43" fillId="0" borderId="729" xfId="2" applyFont="1" applyBorder="1" applyAlignment="1" applyProtection="1">
      <alignment vertical="center"/>
      <protection locked="0"/>
    </xf>
    <xf numFmtId="0" fontId="43" fillId="0" borderId="730" xfId="2" applyFont="1" applyBorder="1" applyAlignment="1" applyProtection="1">
      <alignment vertical="center"/>
      <protection locked="0"/>
    </xf>
    <xf numFmtId="168" fontId="43" fillId="0" borderId="210" xfId="2" applyNumberFormat="1" applyFont="1" applyBorder="1" applyAlignment="1" applyProtection="1">
      <alignment horizontal="right" vertical="center"/>
      <protection locked="0"/>
    </xf>
    <xf numFmtId="168" fontId="6" fillId="0" borderId="211" xfId="2" applyNumberFormat="1" applyFont="1" applyBorder="1" applyAlignment="1">
      <alignment vertical="center"/>
    </xf>
    <xf numFmtId="168" fontId="6" fillId="0" borderId="210" xfId="2" applyNumberFormat="1" applyFont="1" applyBorder="1" applyAlignment="1">
      <alignment horizontal="right" vertical="center"/>
    </xf>
    <xf numFmtId="168" fontId="6" fillId="0" borderId="211" xfId="2" applyNumberFormat="1" applyFont="1" applyBorder="1" applyAlignment="1">
      <alignment horizontal="right" vertical="center"/>
    </xf>
    <xf numFmtId="0" fontId="43" fillId="0" borderId="0" xfId="2" applyFont="1" applyAlignment="1" applyProtection="1">
      <alignment vertical="center"/>
      <protection locked="0"/>
    </xf>
    <xf numFmtId="168" fontId="43" fillId="0" borderId="731" xfId="2" applyNumberFormat="1" applyFont="1" applyBorder="1" applyAlignment="1" applyProtection="1">
      <alignment horizontal="right" vertical="center"/>
      <protection locked="0"/>
    </xf>
    <xf numFmtId="168" fontId="6" fillId="0" borderId="732" xfId="2" applyNumberFormat="1" applyFont="1" applyBorder="1" applyAlignment="1">
      <alignment vertical="center"/>
    </xf>
    <xf numFmtId="168" fontId="6" fillId="0" borderId="731" xfId="2" applyNumberFormat="1" applyFont="1" applyBorder="1" applyAlignment="1">
      <alignment vertical="center"/>
    </xf>
    <xf numFmtId="168" fontId="6" fillId="0" borderId="733" xfId="2" applyNumberFormat="1" applyFont="1" applyBorder="1" applyAlignment="1">
      <alignment vertical="center"/>
    </xf>
    <xf numFmtId="168" fontId="6" fillId="0" borderId="734" xfId="2" applyNumberFormat="1" applyFont="1" applyBorder="1" applyAlignment="1">
      <alignment vertical="center"/>
    </xf>
    <xf numFmtId="168" fontId="43" fillId="0" borderId="735" xfId="2" applyNumberFormat="1" applyFont="1" applyBorder="1" applyAlignment="1" applyProtection="1">
      <alignment horizontal="right" vertical="center"/>
      <protection locked="0"/>
    </xf>
    <xf numFmtId="168" fontId="6" fillId="0" borderId="736" xfId="2" applyNumberFormat="1" applyFont="1" applyBorder="1" applyAlignment="1">
      <alignment vertical="center"/>
    </xf>
    <xf numFmtId="168" fontId="6" fillId="0" borderId="735" xfId="2" applyNumberFormat="1" applyFont="1" applyBorder="1" applyAlignment="1">
      <alignment vertical="center"/>
    </xf>
    <xf numFmtId="168" fontId="6" fillId="0" borderId="737" xfId="2" applyNumberFormat="1" applyFont="1" applyBorder="1" applyAlignment="1">
      <alignment vertical="center"/>
    </xf>
    <xf numFmtId="168" fontId="6" fillId="0" borderId="738" xfId="2" applyNumberFormat="1" applyFont="1" applyBorder="1" applyAlignment="1">
      <alignment vertical="center"/>
    </xf>
    <xf numFmtId="0" fontId="43" fillId="0" borderId="735" xfId="2" applyFont="1" applyBorder="1" applyAlignment="1" applyProtection="1">
      <alignment horizontal="right" vertical="center"/>
      <protection locked="0"/>
    </xf>
    <xf numFmtId="180" fontId="6" fillId="0" borderId="736" xfId="2" applyNumberFormat="1" applyFont="1" applyBorder="1" applyAlignment="1">
      <alignment vertical="center"/>
    </xf>
    <xf numFmtId="180" fontId="6" fillId="0" borderId="735" xfId="2" applyNumberFormat="1" applyFont="1" applyBorder="1" applyAlignment="1">
      <alignment vertical="center"/>
    </xf>
    <xf numFmtId="180" fontId="6" fillId="0" borderId="737" xfId="2" applyNumberFormat="1" applyFont="1" applyBorder="1" applyAlignment="1">
      <alignment vertical="center"/>
    </xf>
    <xf numFmtId="180" fontId="6" fillId="0" borderId="738" xfId="2" applyNumberFormat="1" applyFont="1" applyBorder="1" applyAlignment="1">
      <alignment vertical="center"/>
    </xf>
    <xf numFmtId="168" fontId="43" fillId="0" borderId="739" xfId="2" applyNumberFormat="1" applyFont="1" applyBorder="1" applyAlignment="1" applyProtection="1">
      <alignment horizontal="right" vertical="center"/>
      <protection locked="0"/>
    </xf>
    <xf numFmtId="168" fontId="6" fillId="0" borderId="740" xfId="2" applyNumberFormat="1" applyFont="1" applyBorder="1" applyAlignment="1">
      <alignment vertical="center"/>
    </xf>
    <xf numFmtId="168" fontId="6" fillId="0" borderId="739" xfId="2" applyNumberFormat="1" applyFont="1" applyBorder="1" applyAlignment="1">
      <alignment vertical="center"/>
    </xf>
    <xf numFmtId="168" fontId="6" fillId="0" borderId="741" xfId="2" applyNumberFormat="1" applyFont="1" applyBorder="1" applyAlignment="1">
      <alignment vertical="center"/>
    </xf>
    <xf numFmtId="168" fontId="6" fillId="0" borderId="742" xfId="2" applyNumberFormat="1" applyFont="1" applyBorder="1" applyAlignment="1">
      <alignment vertical="center"/>
    </xf>
    <xf numFmtId="168" fontId="43" fillId="0" borderId="743" xfId="2" applyNumberFormat="1" applyFont="1" applyBorder="1" applyAlignment="1" applyProtection="1">
      <alignment horizontal="right" vertical="center"/>
      <protection locked="0"/>
    </xf>
    <xf numFmtId="168" fontId="6" fillId="0" borderId="744" xfId="2" applyNumberFormat="1" applyFont="1" applyBorder="1" applyAlignment="1">
      <alignment horizontal="right" vertical="center"/>
    </xf>
    <xf numFmtId="168" fontId="6" fillId="0" borderId="745" xfId="2" applyNumberFormat="1" applyFont="1" applyBorder="1" applyAlignment="1">
      <alignment vertical="center"/>
    </xf>
    <xf numFmtId="168" fontId="6" fillId="0" borderId="743" xfId="2" applyNumberFormat="1" applyFont="1" applyBorder="1" applyAlignment="1">
      <alignment vertical="center"/>
    </xf>
    <xf numFmtId="168" fontId="6" fillId="0" borderId="746" xfId="2" applyNumberFormat="1" applyFont="1" applyBorder="1" applyAlignment="1">
      <alignment vertical="center"/>
    </xf>
    <xf numFmtId="168" fontId="6" fillId="0" borderId="745" xfId="2" applyNumberFormat="1" applyFont="1" applyBorder="1" applyAlignment="1" applyProtection="1">
      <alignment vertical="center"/>
      <protection locked="0"/>
    </xf>
    <xf numFmtId="168" fontId="6" fillId="0" borderId="747" xfId="2" applyNumberFormat="1" applyFont="1" applyBorder="1" applyAlignment="1" applyProtection="1">
      <alignment vertical="center"/>
      <protection locked="0"/>
    </xf>
    <xf numFmtId="168" fontId="43" fillId="0" borderId="748" xfId="2" applyNumberFormat="1" applyFont="1" applyBorder="1" applyAlignment="1" applyProtection="1">
      <alignment horizontal="right" vertical="center"/>
      <protection locked="0"/>
    </xf>
    <xf numFmtId="168" fontId="6" fillId="0" borderId="749" xfId="2" applyNumberFormat="1" applyFont="1" applyBorder="1" applyAlignment="1">
      <alignment horizontal="right" vertical="center"/>
    </xf>
    <xf numFmtId="168" fontId="6" fillId="0" borderId="750" xfId="2" applyNumberFormat="1" applyFont="1" applyBorder="1" applyAlignment="1">
      <alignment vertical="center"/>
    </xf>
    <xf numFmtId="168" fontId="6" fillId="0" borderId="748" xfId="2" applyNumberFormat="1" applyFont="1" applyBorder="1" applyAlignment="1">
      <alignment vertical="center"/>
    </xf>
    <xf numFmtId="168" fontId="6" fillId="0" borderId="751" xfId="2" applyNumberFormat="1" applyFont="1" applyBorder="1" applyAlignment="1">
      <alignment vertical="center"/>
    </xf>
    <xf numFmtId="168" fontId="6" fillId="0" borderId="750" xfId="2" applyNumberFormat="1" applyFont="1" applyBorder="1" applyAlignment="1" applyProtection="1">
      <alignment vertical="center"/>
      <protection locked="0"/>
    </xf>
    <xf numFmtId="168" fontId="6" fillId="0" borderId="752" xfId="2" applyNumberFormat="1" applyFont="1" applyBorder="1" applyAlignment="1" applyProtection="1">
      <alignment vertical="center"/>
      <protection locked="0"/>
    </xf>
    <xf numFmtId="164" fontId="43" fillId="0" borderId="748" xfId="2" applyNumberFormat="1" applyFont="1" applyBorder="1" applyAlignment="1" applyProtection="1">
      <alignment horizontal="right" vertical="center"/>
      <protection locked="0"/>
    </xf>
    <xf numFmtId="164" fontId="6" fillId="0" borderId="750" xfId="2" applyNumberFormat="1" applyFont="1" applyBorder="1" applyAlignment="1">
      <alignment vertical="center"/>
    </xf>
    <xf numFmtId="164" fontId="6" fillId="0" borderId="748" xfId="2" applyNumberFormat="1" applyFont="1" applyBorder="1" applyAlignment="1">
      <alignment vertical="center"/>
    </xf>
    <xf numFmtId="164" fontId="6" fillId="0" borderId="751" xfId="2" applyNumberFormat="1" applyFont="1" applyBorder="1" applyAlignment="1">
      <alignment vertical="center"/>
    </xf>
    <xf numFmtId="164" fontId="6" fillId="0" borderId="750" xfId="2" applyNumberFormat="1" applyFont="1" applyBorder="1" applyAlignment="1" applyProtection="1">
      <alignment vertical="center"/>
      <protection locked="0"/>
    </xf>
    <xf numFmtId="164" fontId="6" fillId="0" borderId="752" xfId="2" applyNumberFormat="1" applyFont="1" applyBorder="1" applyAlignment="1" applyProtection="1">
      <alignment vertical="center"/>
      <protection locked="0"/>
    </xf>
    <xf numFmtId="172" fontId="43" fillId="0" borderId="753" xfId="2" applyNumberFormat="1" applyFont="1" applyBorder="1" applyAlignment="1" applyProtection="1">
      <alignment horizontal="right" vertical="center"/>
      <protection locked="0"/>
    </xf>
    <xf numFmtId="172" fontId="6" fillId="0" borderId="754" xfId="2" applyNumberFormat="1" applyFont="1" applyBorder="1" applyAlignment="1">
      <alignment horizontal="right" vertical="center"/>
    </xf>
    <xf numFmtId="172" fontId="6" fillId="0" borderId="755" xfId="2" applyNumberFormat="1" applyFont="1" applyBorder="1" applyAlignment="1">
      <alignment vertical="center"/>
    </xf>
    <xf numFmtId="172" fontId="6" fillId="0" borderId="753" xfId="2" applyNumberFormat="1" applyFont="1" applyBorder="1" applyAlignment="1">
      <alignment vertical="center"/>
    </xf>
    <xf numFmtId="172" fontId="6" fillId="0" borderId="756" xfId="2" applyNumberFormat="1" applyFont="1" applyBorder="1" applyAlignment="1">
      <alignment vertical="center"/>
    </xf>
    <xf numFmtId="164" fontId="6" fillId="0" borderId="755" xfId="2" applyNumberFormat="1" applyFont="1" applyBorder="1" applyAlignment="1" applyProtection="1">
      <alignment vertical="center"/>
      <protection locked="0"/>
    </xf>
    <xf numFmtId="164" fontId="6" fillId="0" borderId="757" xfId="2" applyNumberFormat="1" applyFont="1" applyBorder="1" applyAlignment="1" applyProtection="1">
      <alignment vertical="center"/>
      <protection locked="0"/>
    </xf>
    <xf numFmtId="164" fontId="6" fillId="0" borderId="753" xfId="2" applyNumberFormat="1" applyFont="1" applyBorder="1" applyAlignment="1">
      <alignment vertical="center"/>
    </xf>
    <xf numFmtId="164" fontId="6" fillId="37" borderId="758" xfId="2" applyNumberFormat="1" applyFont="1" applyFill="1" applyBorder="1" applyAlignment="1" applyProtection="1">
      <alignment vertical="center"/>
      <protection locked="0"/>
    </xf>
    <xf numFmtId="164" fontId="6" fillId="37" borderId="214" xfId="2" applyNumberFormat="1" applyFont="1" applyFill="1" applyBorder="1" applyAlignment="1" applyProtection="1">
      <alignment vertical="center"/>
      <protection locked="0"/>
    </xf>
    <xf numFmtId="164" fontId="6" fillId="37" borderId="174" xfId="2" applyNumberFormat="1" applyFont="1" applyFill="1" applyBorder="1" applyAlignment="1">
      <alignment vertical="center"/>
    </xf>
    <xf numFmtId="171" fontId="43" fillId="0" borderId="748" xfId="2" applyNumberFormat="1" applyFont="1" applyBorder="1" applyAlignment="1" applyProtection="1">
      <alignment horizontal="right" vertical="center"/>
      <protection locked="0"/>
    </xf>
    <xf numFmtId="171" fontId="6" fillId="0" borderId="749" xfId="2" applyNumberFormat="1" applyFont="1" applyBorder="1" applyAlignment="1">
      <alignment horizontal="right" vertical="center"/>
    </xf>
    <xf numFmtId="171" fontId="6" fillId="0" borderId="750" xfId="2" applyNumberFormat="1" applyFont="1" applyBorder="1" applyAlignment="1">
      <alignment vertical="center"/>
    </xf>
    <xf numFmtId="171" fontId="6" fillId="0" borderId="748" xfId="2" applyNumberFormat="1" applyFont="1" applyBorder="1" applyAlignment="1">
      <alignment vertical="center"/>
    </xf>
    <xf numFmtId="171" fontId="6" fillId="0" borderId="751" xfId="2" applyNumberFormat="1" applyFont="1" applyBorder="1" applyAlignment="1">
      <alignment vertical="center"/>
    </xf>
    <xf numFmtId="164" fontId="6" fillId="37" borderId="759" xfId="2" applyNumberFormat="1" applyFont="1" applyFill="1" applyBorder="1" applyAlignment="1" applyProtection="1">
      <alignment vertical="center"/>
      <protection locked="0"/>
    </xf>
    <xf numFmtId="164" fontId="6" fillId="37" borderId="760" xfId="2" applyNumberFormat="1" applyFont="1" applyFill="1" applyBorder="1" applyAlignment="1" applyProtection="1">
      <alignment vertical="center"/>
      <protection locked="0"/>
    </xf>
    <xf numFmtId="164" fontId="6" fillId="37" borderId="761" xfId="2" applyNumberFormat="1" applyFont="1" applyFill="1" applyBorder="1" applyAlignment="1">
      <alignment vertical="center"/>
    </xf>
    <xf numFmtId="164" fontId="6" fillId="37" borderId="162" xfId="2" applyNumberFormat="1" applyFont="1" applyFill="1" applyBorder="1" applyAlignment="1" applyProtection="1">
      <alignment vertical="center"/>
      <protection locked="0"/>
    </xf>
    <xf numFmtId="164" fontId="6" fillId="37" borderId="215" xfId="2" applyNumberFormat="1" applyFont="1" applyFill="1" applyBorder="1" applyAlignment="1" applyProtection="1">
      <alignment vertical="center"/>
      <protection locked="0"/>
    </xf>
    <xf numFmtId="164" fontId="6" fillId="37" borderId="77" xfId="2" applyNumberFormat="1" applyFont="1" applyFill="1" applyBorder="1" applyAlignment="1">
      <alignment vertical="center"/>
    </xf>
    <xf numFmtId="171" fontId="6" fillId="0" borderId="754" xfId="2" applyNumberFormat="1" applyFont="1" applyBorder="1" applyAlignment="1">
      <alignment horizontal="right" vertical="center"/>
    </xf>
    <xf numFmtId="164" fontId="6" fillId="0" borderId="762" xfId="2" applyNumberFormat="1" applyFont="1" applyBorder="1" applyAlignment="1" applyProtection="1">
      <alignment vertical="center"/>
      <protection locked="0"/>
    </xf>
    <xf numFmtId="164" fontId="6" fillId="37" borderId="175" xfId="2" applyNumberFormat="1" applyFont="1" applyFill="1" applyBorder="1" applyAlignment="1" applyProtection="1">
      <alignment vertical="center"/>
      <protection locked="0"/>
    </xf>
    <xf numFmtId="172" fontId="43" fillId="0" borderId="748" xfId="2" applyNumberFormat="1" applyFont="1" applyBorder="1" applyAlignment="1" applyProtection="1">
      <alignment horizontal="right" vertical="center"/>
      <protection locked="0"/>
    </xf>
    <xf numFmtId="172" fontId="43" fillId="0" borderId="763" xfId="2" applyNumberFormat="1" applyFont="1" applyBorder="1" applyAlignment="1" applyProtection="1">
      <alignment horizontal="right" vertical="center"/>
      <protection locked="0"/>
    </xf>
    <xf numFmtId="171" fontId="6" fillId="0" borderId="764" xfId="2" applyNumberFormat="1" applyFont="1" applyBorder="1" applyAlignment="1">
      <alignment horizontal="right" vertical="center"/>
    </xf>
    <xf numFmtId="171" fontId="6" fillId="0" borderId="765" xfId="2" applyNumberFormat="1" applyFont="1" applyBorder="1" applyAlignment="1">
      <alignment vertical="center"/>
    </xf>
    <xf numFmtId="171" fontId="6" fillId="0" borderId="763" xfId="2" applyNumberFormat="1" applyFont="1" applyBorder="1" applyAlignment="1">
      <alignment vertical="center"/>
    </xf>
    <xf numFmtId="171" fontId="6" fillId="0" borderId="766" xfId="2" applyNumberFormat="1" applyFont="1" applyBorder="1" applyAlignment="1">
      <alignment vertical="center"/>
    </xf>
    <xf numFmtId="164" fontId="6" fillId="37" borderId="691" xfId="2" applyNumberFormat="1" applyFont="1" applyFill="1" applyBorder="1" applyAlignment="1" applyProtection="1">
      <alignment vertical="center"/>
      <protection locked="0"/>
    </xf>
    <xf numFmtId="164" fontId="6" fillId="37" borderId="219" xfId="2" applyNumberFormat="1" applyFont="1" applyFill="1" applyBorder="1" applyAlignment="1" applyProtection="1">
      <alignment vertical="center"/>
      <protection locked="0"/>
    </xf>
    <xf numFmtId="164" fontId="6" fillId="37" borderId="218" xfId="2" applyNumberFormat="1" applyFont="1" applyFill="1" applyBorder="1" applyAlignment="1">
      <alignment vertical="center"/>
    </xf>
    <xf numFmtId="168" fontId="43" fillId="0" borderId="767" xfId="10" applyNumberFormat="1" applyFont="1" applyBorder="1" applyAlignment="1" applyProtection="1">
      <alignment horizontal="right" vertical="center"/>
      <protection locked="0"/>
    </xf>
    <xf numFmtId="168" fontId="6" fillId="0" borderId="768" xfId="2" applyNumberFormat="1" applyFont="1" applyBorder="1" applyAlignment="1">
      <alignment vertical="center"/>
    </xf>
    <xf numFmtId="168" fontId="6" fillId="0" borderId="767" xfId="2" applyNumberFormat="1" applyFont="1" applyBorder="1" applyAlignment="1">
      <alignment vertical="center"/>
    </xf>
    <xf numFmtId="168" fontId="6" fillId="0" borderId="769" xfId="2" applyNumberFormat="1" applyFont="1" applyBorder="1" applyAlignment="1">
      <alignment vertical="center"/>
    </xf>
    <xf numFmtId="168" fontId="6" fillId="0" borderId="769" xfId="2" applyNumberFormat="1" applyFont="1" applyBorder="1" applyAlignment="1" applyProtection="1">
      <alignment vertical="center"/>
      <protection locked="0"/>
    </xf>
    <xf numFmtId="168" fontId="6" fillId="0" borderId="770" xfId="2" applyNumberFormat="1" applyFont="1" applyBorder="1" applyAlignment="1" applyProtection="1">
      <alignment vertical="center"/>
      <protection locked="0"/>
    </xf>
    <xf numFmtId="164" fontId="43" fillId="0" borderId="767" xfId="10" applyNumberFormat="1" applyFont="1" applyBorder="1" applyAlignment="1" applyProtection="1">
      <alignment horizontal="right" vertical="center"/>
      <protection locked="0"/>
    </xf>
    <xf numFmtId="164" fontId="6" fillId="0" borderId="20" xfId="2" applyNumberFormat="1" applyFont="1" applyBorder="1" applyAlignment="1">
      <alignment horizontal="right" vertical="center"/>
    </xf>
    <xf numFmtId="164" fontId="6" fillId="0" borderId="768" xfId="2" applyNumberFormat="1" applyFont="1" applyBorder="1" applyAlignment="1">
      <alignment vertical="center"/>
    </xf>
    <xf numFmtId="164" fontId="6" fillId="0" borderId="767" xfId="2" applyNumberFormat="1" applyFont="1" applyBorder="1" applyAlignment="1">
      <alignment vertical="center"/>
    </xf>
    <xf numFmtId="164" fontId="6" fillId="0" borderId="769" xfId="2" applyNumberFormat="1" applyFont="1" applyBorder="1" applyAlignment="1">
      <alignment vertical="center"/>
    </xf>
    <xf numFmtId="164" fontId="6" fillId="0" borderId="769" xfId="2" applyNumberFormat="1" applyFont="1" applyBorder="1" applyAlignment="1" applyProtection="1">
      <alignment vertical="center"/>
      <protection locked="0"/>
    </xf>
    <xf numFmtId="164" fontId="6" fillId="0" borderId="770" xfId="2" applyNumberFormat="1" applyFont="1" applyBorder="1" applyAlignment="1" applyProtection="1">
      <alignment vertical="center"/>
      <protection locked="0"/>
    </xf>
    <xf numFmtId="168" fontId="43" fillId="0" borderId="771" xfId="10" applyNumberFormat="1" applyFont="1" applyBorder="1" applyAlignment="1" applyProtection="1">
      <alignment horizontal="right" vertical="center"/>
      <protection locked="0"/>
    </xf>
    <xf numFmtId="168" fontId="6" fillId="0" borderId="772" xfId="2" applyNumberFormat="1" applyFont="1" applyBorder="1" applyAlignment="1">
      <alignment vertical="center"/>
    </xf>
    <xf numFmtId="168" fontId="6" fillId="0" borderId="771" xfId="2" applyNumberFormat="1" applyFont="1" applyBorder="1" applyAlignment="1">
      <alignment vertical="center"/>
    </xf>
    <xf numFmtId="168" fontId="6" fillId="0" borderId="773" xfId="2" applyNumberFormat="1" applyFont="1" applyBorder="1" applyAlignment="1">
      <alignment vertical="center"/>
    </xf>
    <xf numFmtId="168" fontId="6" fillId="0" borderId="773" xfId="2" applyNumberFormat="1" applyFont="1" applyBorder="1" applyAlignment="1" applyProtection="1">
      <alignment vertical="center"/>
      <protection locked="0"/>
    </xf>
    <xf numFmtId="168" fontId="6" fillId="0" borderId="774" xfId="2" applyNumberFormat="1" applyFont="1" applyBorder="1" applyAlignment="1" applyProtection="1">
      <alignment vertical="center"/>
      <protection locked="0"/>
    </xf>
    <xf numFmtId="168" fontId="20" fillId="0" borderId="775" xfId="2" applyNumberFormat="1" applyFont="1" applyBorder="1" applyAlignment="1">
      <alignment horizontal="right" vertical="center"/>
    </xf>
    <xf numFmtId="168" fontId="19" fillId="0" borderId="776" xfId="2" applyNumberFormat="1" applyFont="1" applyBorder="1" applyAlignment="1">
      <alignment horizontal="right" vertical="center"/>
    </xf>
    <xf numFmtId="168" fontId="19" fillId="0" borderId="777" xfId="2" applyNumberFormat="1" applyFont="1" applyBorder="1" applyAlignment="1">
      <alignment horizontal="right" vertical="center"/>
    </xf>
    <xf numFmtId="168" fontId="19" fillId="0" borderId="775" xfId="2" applyNumberFormat="1" applyFont="1" applyBorder="1" applyAlignment="1">
      <alignment horizontal="right" vertical="center"/>
    </xf>
    <xf numFmtId="168" fontId="19" fillId="0" borderId="775" xfId="2" quotePrefix="1" applyNumberFormat="1" applyFont="1" applyBorder="1" applyAlignment="1">
      <alignment horizontal="right" vertical="center" wrapText="1"/>
    </xf>
    <xf numFmtId="168" fontId="19" fillId="0" borderId="778" xfId="2" applyNumberFormat="1" applyFont="1" applyBorder="1" applyAlignment="1">
      <alignment horizontal="right" vertical="center"/>
    </xf>
    <xf numFmtId="168" fontId="20" fillId="0" borderId="779" xfId="2" applyNumberFormat="1" applyFont="1" applyBorder="1" applyAlignment="1">
      <alignment horizontal="right" vertical="center"/>
    </xf>
    <xf numFmtId="168" fontId="19" fillId="0" borderId="780" xfId="2" applyNumberFormat="1" applyFont="1" applyBorder="1" applyAlignment="1">
      <alignment horizontal="right" vertical="center"/>
    </xf>
    <xf numFmtId="168" fontId="19" fillId="0" borderId="781" xfId="2" applyNumberFormat="1" applyFont="1" applyBorder="1" applyAlignment="1">
      <alignment horizontal="right" vertical="center"/>
    </xf>
    <xf numFmtId="168" fontId="19" fillId="0" borderId="779" xfId="2" applyNumberFormat="1" applyFont="1" applyBorder="1" applyAlignment="1">
      <alignment horizontal="right" vertical="center"/>
    </xf>
    <xf numFmtId="168" fontId="19" fillId="0" borderId="782" xfId="2" applyNumberFormat="1" applyFont="1" applyBorder="1" applyAlignment="1">
      <alignment horizontal="right" vertical="center"/>
    </xf>
    <xf numFmtId="164" fontId="20" fillId="0" borderId="779" xfId="2" applyNumberFormat="1" applyFont="1" applyBorder="1" applyAlignment="1">
      <alignment horizontal="right" vertical="center"/>
    </xf>
    <xf numFmtId="164" fontId="19" fillId="0" borderId="780" xfId="2" applyNumberFormat="1" applyFont="1" applyBorder="1" applyAlignment="1">
      <alignment horizontal="right" vertical="center"/>
    </xf>
    <xf numFmtId="164" fontId="19" fillId="0" borderId="781" xfId="2" applyNumberFormat="1" applyFont="1" applyBorder="1" applyAlignment="1">
      <alignment horizontal="right" vertical="center"/>
    </xf>
    <xf numFmtId="164" fontId="19" fillId="0" borderId="779" xfId="2" applyNumberFormat="1" applyFont="1" applyBorder="1" applyAlignment="1">
      <alignment horizontal="right" vertical="center"/>
    </xf>
    <xf numFmtId="164" fontId="19" fillId="0" borderId="782" xfId="2" applyNumberFormat="1" applyFont="1" applyBorder="1" applyAlignment="1">
      <alignment horizontal="right" vertical="center"/>
    </xf>
    <xf numFmtId="168" fontId="20" fillId="0" borderId="783" xfId="2" applyNumberFormat="1" applyFont="1" applyBorder="1" applyAlignment="1">
      <alignment horizontal="right" vertical="center"/>
    </xf>
    <xf numFmtId="168" fontId="19" fillId="0" borderId="784" xfId="2" applyNumberFormat="1" applyFont="1" applyBorder="1" applyAlignment="1">
      <alignment horizontal="right" vertical="center"/>
    </xf>
    <xf numFmtId="168" fontId="19" fillId="0" borderId="785" xfId="2" applyNumberFormat="1" applyFont="1" applyBorder="1" applyAlignment="1">
      <alignment horizontal="right" vertical="center"/>
    </xf>
    <xf numFmtId="168" fontId="19" fillId="0" borderId="783" xfId="2" applyNumberFormat="1" applyFont="1" applyBorder="1" applyAlignment="1">
      <alignment horizontal="right" vertical="center"/>
    </xf>
    <xf numFmtId="168" fontId="19" fillId="0" borderId="786" xfId="2" applyNumberFormat="1" applyFont="1" applyBorder="1" applyAlignment="1">
      <alignment horizontal="right" vertical="center"/>
    </xf>
    <xf numFmtId="168" fontId="19" fillId="0" borderId="787" xfId="2" applyNumberFormat="1" applyFont="1" applyBorder="1" applyAlignment="1">
      <alignment horizontal="right" vertical="center"/>
    </xf>
    <xf numFmtId="168" fontId="19" fillId="0" borderId="788" xfId="2" applyNumberFormat="1" applyFont="1" applyBorder="1" applyAlignment="1">
      <alignment horizontal="right" vertical="center"/>
    </xf>
    <xf numFmtId="168" fontId="19" fillId="0" borderId="789" xfId="2" applyNumberFormat="1" applyFont="1" applyBorder="1" applyAlignment="1">
      <alignment horizontal="right" vertical="center"/>
    </xf>
    <xf numFmtId="164" fontId="19" fillId="0" borderId="787" xfId="2" applyNumberFormat="1" applyFont="1" applyBorder="1" applyAlignment="1">
      <alignment horizontal="right" vertical="center"/>
    </xf>
    <xf numFmtId="164" fontId="19" fillId="0" borderId="788" xfId="2" applyNumberFormat="1" applyFont="1" applyBorder="1" applyAlignment="1">
      <alignment horizontal="right" vertical="center"/>
    </xf>
    <xf numFmtId="164" fontId="19" fillId="0" borderId="789" xfId="2" applyNumberFormat="1" applyFont="1" applyBorder="1" applyAlignment="1">
      <alignment horizontal="right" vertical="center"/>
    </xf>
    <xf numFmtId="164" fontId="43" fillId="0" borderId="779" xfId="2" applyNumberFormat="1" applyFont="1" applyBorder="1"/>
    <xf numFmtId="164" fontId="6" fillId="0" borderId="787" xfId="2" applyNumberFormat="1" applyFont="1" applyBorder="1"/>
    <xf numFmtId="164" fontId="6" fillId="0" borderId="779" xfId="2" applyNumberFormat="1" applyFont="1" applyBorder="1"/>
    <xf numFmtId="164" fontId="6" fillId="0" borderId="789" xfId="2" applyNumberFormat="1" applyFont="1" applyBorder="1"/>
    <xf numFmtId="164" fontId="20" fillId="0" borderId="790" xfId="2" applyNumberFormat="1" applyFont="1" applyBorder="1" applyAlignment="1">
      <alignment horizontal="right" vertical="center"/>
    </xf>
    <xf numFmtId="164" fontId="19" fillId="0" borderId="791" xfId="2" applyNumberFormat="1" applyFont="1" applyBorder="1" applyAlignment="1">
      <alignment horizontal="right" vertical="center"/>
    </xf>
    <xf numFmtId="164" fontId="19" fillId="0" borderId="792" xfId="2" applyNumberFormat="1" applyFont="1" applyBorder="1" applyAlignment="1">
      <alignment horizontal="right" vertical="center"/>
    </xf>
    <xf numFmtId="164" fontId="19" fillId="0" borderId="790" xfId="2" applyNumberFormat="1" applyFont="1" applyBorder="1" applyAlignment="1">
      <alignment horizontal="right" vertical="center"/>
    </xf>
    <xf numFmtId="164" fontId="19" fillId="0" borderId="793" xfId="2" applyNumberFormat="1" applyFont="1" applyBorder="1" applyAlignment="1">
      <alignment horizontal="right" vertical="center"/>
    </xf>
    <xf numFmtId="170" fontId="20" fillId="0" borderId="794" xfId="2" applyNumberFormat="1" applyFont="1" applyBorder="1" applyAlignment="1">
      <alignment horizontal="right" vertical="center"/>
    </xf>
    <xf numFmtId="170" fontId="19" fillId="0" borderId="795" xfId="2" applyNumberFormat="1" applyFont="1" applyBorder="1" applyAlignment="1">
      <alignment horizontal="right" vertical="center"/>
    </xf>
    <xf numFmtId="170" fontId="19" fillId="0" borderId="796" xfId="2" applyNumberFormat="1" applyFont="1" applyBorder="1" applyAlignment="1">
      <alignment horizontal="right" vertical="center"/>
    </xf>
    <xf numFmtId="170" fontId="19" fillId="0" borderId="794" xfId="2" applyNumberFormat="1" applyFont="1" applyBorder="1" applyAlignment="1">
      <alignment horizontal="right" vertical="center"/>
    </xf>
    <xf numFmtId="170" fontId="19" fillId="0" borderId="797" xfId="2" applyNumberFormat="1" applyFont="1" applyBorder="1" applyAlignment="1">
      <alignment horizontal="right" vertical="center"/>
    </xf>
    <xf numFmtId="164" fontId="19" fillId="0" borderId="794" xfId="2" applyNumberFormat="1" applyFont="1" applyBorder="1" applyAlignment="1">
      <alignment horizontal="right" vertical="center"/>
    </xf>
    <xf numFmtId="170" fontId="20" fillId="0" borderId="775" xfId="2" applyNumberFormat="1" applyFont="1" applyBorder="1" applyAlignment="1">
      <alignment horizontal="right" vertical="center"/>
    </xf>
    <xf numFmtId="170" fontId="19" fillId="0" borderId="798" xfId="2" applyNumberFormat="1" applyFont="1" applyBorder="1" applyAlignment="1">
      <alignment horizontal="right" vertical="center"/>
    </xf>
    <xf numFmtId="170" fontId="19" fillId="0" borderId="799" xfId="2" applyNumberFormat="1" applyFont="1" applyBorder="1" applyAlignment="1">
      <alignment horizontal="right" vertical="center"/>
    </xf>
    <xf numFmtId="170" fontId="19" fillId="0" borderId="775" xfId="2" applyNumberFormat="1" applyFont="1" applyBorder="1" applyAlignment="1">
      <alignment horizontal="right" vertical="center"/>
    </xf>
    <xf numFmtId="170" fontId="19" fillId="0" borderId="800" xfId="2" applyNumberFormat="1" applyFont="1" applyBorder="1" applyAlignment="1">
      <alignment horizontal="right" vertical="center"/>
    </xf>
    <xf numFmtId="164" fontId="19" fillId="0" borderId="775" xfId="2" applyNumberFormat="1" applyFont="1" applyBorder="1" applyAlignment="1">
      <alignment horizontal="right" vertical="center"/>
    </xf>
    <xf numFmtId="168" fontId="19" fillId="0" borderId="788" xfId="2" applyNumberFormat="1" applyFont="1" applyBorder="1" applyAlignment="1">
      <alignment horizontal="left" vertical="center" indent="1"/>
    </xf>
    <xf numFmtId="168" fontId="19" fillId="0" borderId="779" xfId="2" applyNumberFormat="1" applyFont="1" applyBorder="1" applyAlignment="1">
      <alignment horizontal="left" vertical="center" indent="1"/>
    </xf>
    <xf numFmtId="168" fontId="19" fillId="0" borderId="789" xfId="2" applyNumberFormat="1" applyFont="1" applyBorder="1" applyAlignment="1">
      <alignment horizontal="left" vertical="center" indent="1"/>
    </xf>
    <xf numFmtId="164" fontId="20" fillId="0" borderId="779" xfId="2" applyNumberFormat="1" applyFont="1" applyBorder="1" applyAlignment="1">
      <alignment vertical="center"/>
    </xf>
    <xf numFmtId="164" fontId="19" fillId="0" borderId="787" xfId="2" applyNumberFormat="1" applyFont="1" applyBorder="1" applyAlignment="1">
      <alignment vertical="center"/>
    </xf>
    <xf numFmtId="164" fontId="19" fillId="0" borderId="788" xfId="2" applyNumberFormat="1" applyFont="1" applyBorder="1" applyAlignment="1">
      <alignment vertical="center"/>
    </xf>
    <xf numFmtId="164" fontId="19" fillId="0" borderId="779" xfId="2" applyNumberFormat="1" applyFont="1" applyBorder="1" applyAlignment="1">
      <alignment vertical="center"/>
    </xf>
    <xf numFmtId="164" fontId="19" fillId="0" borderId="789" xfId="2" applyNumberFormat="1" applyFont="1" applyBorder="1" applyAlignment="1">
      <alignment vertical="center"/>
    </xf>
    <xf numFmtId="164" fontId="19" fillId="0" borderId="779" xfId="2" quotePrefix="1" applyNumberFormat="1" applyFont="1" applyBorder="1" applyAlignment="1">
      <alignment vertical="center"/>
    </xf>
    <xf numFmtId="168" fontId="19" fillId="0" borderId="801" xfId="2" applyNumberFormat="1" applyFont="1" applyBorder="1" applyAlignment="1">
      <alignment horizontal="right" vertical="center"/>
    </xf>
    <xf numFmtId="168" fontId="19" fillId="0" borderId="802" xfId="2" applyNumberFormat="1" applyFont="1" applyBorder="1" applyAlignment="1">
      <alignment horizontal="right" vertical="center"/>
    </xf>
    <xf numFmtId="168" fontId="19" fillId="0" borderId="803" xfId="2" applyNumberFormat="1" applyFont="1" applyBorder="1" applyAlignment="1">
      <alignment horizontal="right" vertical="center"/>
    </xf>
    <xf numFmtId="168" fontId="20" fillId="0" borderId="804" xfId="2" applyNumberFormat="1" applyFont="1" applyBorder="1" applyAlignment="1" applyProtection="1">
      <alignment horizontal="right" vertical="center"/>
      <protection locked="0"/>
    </xf>
    <xf numFmtId="168" fontId="19" fillId="0" borderId="805" xfId="2" applyNumberFormat="1" applyFont="1" applyBorder="1" applyAlignment="1" applyProtection="1">
      <alignment horizontal="right" vertical="center"/>
      <protection locked="0"/>
    </xf>
    <xf numFmtId="168" fontId="19" fillId="0" borderId="806" xfId="2" applyNumberFormat="1" applyFont="1" applyBorder="1" applyAlignment="1">
      <alignment horizontal="right" vertical="center"/>
    </xf>
    <xf numFmtId="168" fontId="19" fillId="0" borderId="804" xfId="2" applyNumberFormat="1" applyFont="1" applyBorder="1" applyAlignment="1">
      <alignment horizontal="right" vertical="center"/>
    </xf>
    <xf numFmtId="168" fontId="19" fillId="0" borderId="807" xfId="2" applyNumberFormat="1" applyFont="1" applyBorder="1" applyAlignment="1">
      <alignment horizontal="right" vertical="center"/>
    </xf>
    <xf numFmtId="168" fontId="19" fillId="0" borderId="808" xfId="2" applyNumberFormat="1" applyFont="1" applyBorder="1" applyAlignment="1">
      <alignment horizontal="right" vertical="center"/>
    </xf>
    <xf numFmtId="168" fontId="19" fillId="0" borderId="809" xfId="2" applyNumberFormat="1" applyFont="1" applyBorder="1" applyAlignment="1" applyProtection="1">
      <alignment vertical="center"/>
      <protection locked="0"/>
    </xf>
    <xf numFmtId="168" fontId="19" fillId="0" borderId="810" xfId="2" applyNumberFormat="1" applyFont="1" applyBorder="1" applyAlignment="1" applyProtection="1">
      <alignment vertical="center"/>
      <protection locked="0"/>
    </xf>
    <xf numFmtId="168" fontId="19" fillId="0" borderId="804" xfId="2" applyNumberFormat="1" applyFont="1" applyBorder="1" applyAlignment="1">
      <alignment vertical="center"/>
    </xf>
    <xf numFmtId="164" fontId="20" fillId="0" borderId="811" xfId="2" applyNumberFormat="1" applyFont="1" applyBorder="1" applyAlignment="1" applyProtection="1">
      <alignment horizontal="right" vertical="center"/>
      <protection locked="0"/>
    </xf>
    <xf numFmtId="164" fontId="19" fillId="0" borderId="812" xfId="2" applyNumberFormat="1" applyFont="1" applyBorder="1" applyAlignment="1" applyProtection="1">
      <alignment horizontal="right" vertical="center"/>
      <protection locked="0"/>
    </xf>
    <xf numFmtId="164" fontId="19" fillId="0" borderId="813" xfId="2" applyNumberFormat="1" applyFont="1" applyBorder="1" applyAlignment="1">
      <alignment horizontal="right" vertical="center"/>
    </xf>
    <xf numFmtId="164" fontId="19" fillId="0" borderId="811" xfId="2" applyNumberFormat="1" applyFont="1" applyBorder="1" applyAlignment="1">
      <alignment horizontal="right" vertical="center"/>
    </xf>
    <xf numFmtId="164" fontId="19" fillId="0" borderId="814" xfId="2" applyNumberFormat="1" applyFont="1" applyBorder="1" applyAlignment="1">
      <alignment horizontal="right" vertical="center"/>
    </xf>
    <xf numFmtId="164" fontId="19" fillId="0" borderId="815" xfId="2" applyNumberFormat="1" applyFont="1" applyBorder="1" applyAlignment="1">
      <alignment horizontal="right" vertical="center"/>
    </xf>
    <xf numFmtId="164" fontId="19" fillId="0" borderId="816" xfId="2" applyNumberFormat="1" applyFont="1" applyBorder="1" applyAlignment="1" applyProtection="1">
      <alignment vertical="center"/>
      <protection locked="0"/>
    </xf>
    <xf numFmtId="164" fontId="19" fillId="0" borderId="817" xfId="2" applyNumberFormat="1" applyFont="1" applyBorder="1" applyAlignment="1" applyProtection="1">
      <alignment vertical="center"/>
      <protection locked="0"/>
    </xf>
    <xf numFmtId="164" fontId="19" fillId="0" borderId="811" xfId="2" applyNumberFormat="1" applyFont="1" applyBorder="1" applyAlignment="1">
      <alignment vertical="center"/>
    </xf>
    <xf numFmtId="0" fontId="61" fillId="0" borderId="812" xfId="2" applyFont="1" applyBorder="1" applyProtection="1">
      <protection locked="0"/>
    </xf>
    <xf numFmtId="168" fontId="20" fillId="0" borderId="811" xfId="2" applyNumberFormat="1" applyFont="1" applyBorder="1" applyAlignment="1" applyProtection="1">
      <alignment horizontal="right" vertical="center"/>
      <protection locked="0"/>
    </xf>
    <xf numFmtId="168" fontId="19" fillId="0" borderId="812" xfId="2" applyNumberFormat="1" applyFont="1" applyBorder="1" applyAlignment="1" applyProtection="1">
      <alignment horizontal="right" vertical="center"/>
      <protection locked="0"/>
    </xf>
    <xf numFmtId="168" fontId="19" fillId="0" borderId="813" xfId="2" applyNumberFormat="1" applyFont="1" applyBorder="1" applyAlignment="1">
      <alignment horizontal="right" vertical="center"/>
    </xf>
    <xf numFmtId="168" fontId="19" fillId="0" borderId="811" xfId="2" applyNumberFormat="1" applyFont="1" applyBorder="1" applyAlignment="1">
      <alignment horizontal="right" vertical="center"/>
    </xf>
    <xf numFmtId="168" fontId="19" fillId="0" borderId="814" xfId="2" applyNumberFormat="1" applyFont="1" applyBorder="1" applyAlignment="1">
      <alignment horizontal="right" vertical="center"/>
    </xf>
    <xf numFmtId="168" fontId="19" fillId="0" borderId="815" xfId="2" applyNumberFormat="1" applyFont="1" applyBorder="1" applyAlignment="1">
      <alignment horizontal="right" vertical="center"/>
    </xf>
    <xf numFmtId="168" fontId="19" fillId="0" borderId="816" xfId="2" applyNumberFormat="1" applyFont="1" applyBorder="1" applyAlignment="1" applyProtection="1">
      <alignment vertical="center"/>
      <protection locked="0"/>
    </xf>
    <xf numFmtId="168" fontId="19" fillId="0" borderId="817" xfId="2" applyNumberFormat="1" applyFont="1" applyBorder="1" applyAlignment="1" applyProtection="1">
      <alignment vertical="center"/>
      <protection locked="0"/>
    </xf>
    <xf numFmtId="168" fontId="19" fillId="0" borderId="811" xfId="2" applyNumberFormat="1" applyFont="1" applyBorder="1" applyAlignment="1">
      <alignment vertical="center"/>
    </xf>
    <xf numFmtId="164" fontId="20" fillId="0" borderId="818" xfId="2" applyNumberFormat="1" applyFont="1" applyBorder="1" applyAlignment="1" applyProtection="1">
      <alignment horizontal="right" vertical="center"/>
      <protection locked="0"/>
    </xf>
    <xf numFmtId="164" fontId="19" fillId="0" borderId="819" xfId="2" applyNumberFormat="1" applyFont="1" applyBorder="1" applyAlignment="1" applyProtection="1">
      <alignment horizontal="right" vertical="center"/>
      <protection locked="0"/>
    </xf>
    <xf numFmtId="164" fontId="19" fillId="0" borderId="820" xfId="2" applyNumberFormat="1" applyFont="1" applyBorder="1" applyAlignment="1">
      <alignment horizontal="right" vertical="center"/>
    </xf>
    <xf numFmtId="164" fontId="19" fillId="0" borderId="818" xfId="2" applyNumberFormat="1" applyFont="1" applyBorder="1" applyAlignment="1">
      <alignment horizontal="right" vertical="center"/>
    </xf>
    <xf numFmtId="164" fontId="19" fillId="0" borderId="821" xfId="2" applyNumberFormat="1" applyFont="1" applyBorder="1" applyAlignment="1">
      <alignment horizontal="right" vertical="center"/>
    </xf>
    <xf numFmtId="164" fontId="19" fillId="0" borderId="822" xfId="2" applyNumberFormat="1" applyFont="1" applyBorder="1" applyAlignment="1">
      <alignment horizontal="right" vertical="center"/>
    </xf>
    <xf numFmtId="164" fontId="19" fillId="0" borderId="823" xfId="2" applyNumberFormat="1" applyFont="1" applyBorder="1" applyAlignment="1" applyProtection="1">
      <alignment vertical="center"/>
      <protection locked="0"/>
    </xf>
    <xf numFmtId="164" fontId="19" fillId="0" borderId="824" xfId="2" applyNumberFormat="1" applyFont="1" applyBorder="1" applyAlignment="1" applyProtection="1">
      <alignment vertical="center"/>
      <protection locked="0"/>
    </xf>
    <xf numFmtId="164" fontId="19" fillId="0" borderId="818" xfId="2" applyNumberFormat="1" applyFont="1" applyBorder="1" applyAlignment="1">
      <alignment vertical="center"/>
    </xf>
    <xf numFmtId="168" fontId="20" fillId="0" borderId="825" xfId="2" applyNumberFormat="1" applyFont="1" applyBorder="1" applyAlignment="1" applyProtection="1">
      <alignment horizontal="right" vertical="center"/>
      <protection locked="0"/>
    </xf>
    <xf numFmtId="168" fontId="19" fillId="0" borderId="826" xfId="2" applyNumberFormat="1" applyFont="1" applyBorder="1" applyAlignment="1" applyProtection="1">
      <alignment horizontal="right" vertical="center"/>
      <protection locked="0"/>
    </xf>
    <xf numFmtId="168" fontId="19" fillId="0" borderId="827" xfId="2" applyNumberFormat="1" applyFont="1" applyBorder="1" applyAlignment="1">
      <alignment horizontal="right" vertical="center"/>
    </xf>
    <xf numFmtId="168" fontId="19" fillId="0" borderId="825" xfId="2" applyNumberFormat="1" applyFont="1" applyBorder="1" applyAlignment="1">
      <alignment horizontal="right" vertical="center"/>
    </xf>
    <xf numFmtId="168" fontId="19" fillId="0" borderId="828" xfId="2" applyNumberFormat="1" applyFont="1" applyBorder="1" applyAlignment="1">
      <alignment horizontal="right" vertical="center"/>
    </xf>
    <xf numFmtId="168" fontId="19" fillId="0" borderId="829" xfId="2" applyNumberFormat="1" applyFont="1" applyBorder="1" applyAlignment="1">
      <alignment horizontal="right" vertical="center"/>
    </xf>
    <xf numFmtId="168" fontId="19" fillId="0" borderId="830" xfId="2" applyNumberFormat="1" applyFont="1" applyBorder="1" applyAlignment="1" applyProtection="1">
      <alignment vertical="center"/>
      <protection locked="0"/>
    </xf>
    <xf numFmtId="168" fontId="19" fillId="0" borderId="831" xfId="2" applyNumberFormat="1" applyFont="1" applyBorder="1" applyAlignment="1" applyProtection="1">
      <alignment vertical="center"/>
      <protection locked="0"/>
    </xf>
    <xf numFmtId="168" fontId="19" fillId="0" borderId="825" xfId="2" applyNumberFormat="1" applyFont="1" applyBorder="1" applyAlignment="1">
      <alignment vertical="center"/>
    </xf>
    <xf numFmtId="164" fontId="17" fillId="0" borderId="804" xfId="2" applyNumberFormat="1" applyFont="1" applyBorder="1" applyAlignment="1" applyProtection="1">
      <alignment vertical="center"/>
      <protection locked="0"/>
    </xf>
    <xf numFmtId="164" fontId="51" fillId="0" borderId="805" xfId="2" applyNumberFormat="1" applyFont="1" applyBorder="1" applyAlignment="1" applyProtection="1">
      <alignment vertical="center"/>
      <protection locked="0"/>
    </xf>
    <xf numFmtId="164" fontId="51" fillId="0" borderId="806" xfId="2" applyNumberFormat="1" applyFont="1" applyBorder="1" applyAlignment="1">
      <alignment vertical="center"/>
    </xf>
    <xf numFmtId="164" fontId="51" fillId="0" borderId="804" xfId="2" applyNumberFormat="1" applyFont="1" applyBorder="1" applyAlignment="1">
      <alignment vertical="center"/>
    </xf>
    <xf numFmtId="164" fontId="51" fillId="0" borderId="807" xfId="2" applyNumberFormat="1" applyFont="1" applyBorder="1" applyAlignment="1">
      <alignment vertical="center"/>
    </xf>
    <xf numFmtId="164" fontId="51" fillId="0" borderId="808" xfId="2" applyNumberFormat="1" applyFont="1" applyBorder="1" applyAlignment="1">
      <alignment vertical="center"/>
    </xf>
    <xf numFmtId="164" fontId="51" fillId="0" borderId="809" xfId="2" applyNumberFormat="1" applyFont="1" applyBorder="1" applyAlignment="1" applyProtection="1">
      <alignment vertical="center"/>
      <protection locked="0"/>
    </xf>
    <xf numFmtId="164" fontId="51" fillId="0" borderId="810" xfId="2" applyNumberFormat="1" applyFont="1" applyBorder="1" applyAlignment="1" applyProtection="1">
      <alignment vertical="center"/>
      <protection locked="0"/>
    </xf>
    <xf numFmtId="164" fontId="15" fillId="0" borderId="811" xfId="2" applyNumberFormat="1" applyFont="1" applyBorder="1" applyAlignment="1" applyProtection="1">
      <alignment horizontal="right" vertical="center"/>
      <protection locked="0"/>
    </xf>
    <xf numFmtId="164" fontId="21" fillId="0" borderId="812" xfId="2" applyNumberFormat="1" applyFont="1" applyBorder="1" applyAlignment="1" applyProtection="1">
      <alignment horizontal="right" vertical="center"/>
      <protection locked="0"/>
    </xf>
    <xf numFmtId="164" fontId="21" fillId="0" borderId="813" xfId="2" applyNumberFormat="1" applyFont="1" applyBorder="1" applyAlignment="1">
      <alignment horizontal="right" vertical="center"/>
    </xf>
    <xf numFmtId="164" fontId="21" fillId="0" borderId="811" xfId="2" applyNumberFormat="1" applyFont="1" applyBorder="1" applyAlignment="1">
      <alignment horizontal="right" vertical="center"/>
    </xf>
    <xf numFmtId="164" fontId="21" fillId="0" borderId="814" xfId="2" applyNumberFormat="1" applyFont="1" applyBorder="1" applyAlignment="1">
      <alignment horizontal="right" vertical="center"/>
    </xf>
    <xf numFmtId="164" fontId="21" fillId="0" borderId="815" xfId="2" applyNumberFormat="1" applyFont="1" applyBorder="1" applyAlignment="1">
      <alignment horizontal="right" vertical="center"/>
    </xf>
    <xf numFmtId="164" fontId="17" fillId="0" borderId="811" xfId="2" applyNumberFormat="1" applyFont="1" applyBorder="1" applyAlignment="1" applyProtection="1">
      <alignment vertical="center"/>
      <protection locked="0"/>
    </xf>
    <xf numFmtId="164" fontId="51" fillId="0" borderId="812" xfId="2" applyNumberFormat="1" applyFont="1" applyBorder="1" applyAlignment="1" applyProtection="1">
      <alignment vertical="center"/>
      <protection locked="0"/>
    </xf>
    <xf numFmtId="164" fontId="51" fillId="0" borderId="813" xfId="2" applyNumberFormat="1" applyFont="1" applyBorder="1" applyAlignment="1">
      <alignment vertical="center"/>
    </xf>
    <xf numFmtId="164" fontId="51" fillId="0" borderId="811" xfId="2" applyNumberFormat="1" applyFont="1" applyBorder="1" applyAlignment="1">
      <alignment vertical="center"/>
    </xf>
    <xf numFmtId="164" fontId="51" fillId="0" borderId="814" xfId="2" applyNumberFormat="1" applyFont="1" applyBorder="1" applyAlignment="1">
      <alignment vertical="center"/>
    </xf>
    <xf numFmtId="164" fontId="51" fillId="0" borderId="815" xfId="2" applyNumberFormat="1" applyFont="1" applyBorder="1" applyAlignment="1">
      <alignment vertical="center"/>
    </xf>
    <xf numFmtId="164" fontId="51" fillId="0" borderId="816" xfId="2" applyNumberFormat="1" applyFont="1" applyBorder="1" applyAlignment="1" applyProtection="1">
      <alignment vertical="center"/>
      <protection locked="0"/>
    </xf>
    <xf numFmtId="164" fontId="51" fillId="0" borderId="817" xfId="2" applyNumberFormat="1" applyFont="1" applyBorder="1" applyAlignment="1" applyProtection="1">
      <alignment vertical="center"/>
      <protection locked="0"/>
    </xf>
    <xf numFmtId="168" fontId="6" fillId="0" borderId="817" xfId="2" applyNumberFormat="1" applyFont="1" applyBorder="1" applyAlignment="1" applyProtection="1">
      <alignment vertical="center"/>
      <protection locked="0"/>
    </xf>
    <xf numFmtId="164" fontId="20" fillId="0" borderId="811" xfId="2" applyNumberFormat="1" applyFont="1" applyBorder="1" applyAlignment="1" applyProtection="1">
      <alignment horizontal="right"/>
      <protection locked="0"/>
    </xf>
    <xf numFmtId="164" fontId="19" fillId="0" borderId="812" xfId="2" applyNumberFormat="1" applyFont="1" applyBorder="1" applyAlignment="1" applyProtection="1">
      <alignment horizontal="right"/>
      <protection locked="0"/>
    </xf>
    <xf numFmtId="164" fontId="19" fillId="0" borderId="813" xfId="2" applyNumberFormat="1" applyFont="1" applyBorder="1" applyAlignment="1">
      <alignment horizontal="right"/>
    </xf>
    <xf numFmtId="164" fontId="19" fillId="0" borderId="811" xfId="2" applyNumberFormat="1" applyFont="1" applyBorder="1" applyAlignment="1">
      <alignment horizontal="right"/>
    </xf>
    <xf numFmtId="164" fontId="19" fillId="0" borderId="814" xfId="2" applyNumberFormat="1" applyFont="1" applyBorder="1" applyAlignment="1">
      <alignment horizontal="right"/>
    </xf>
    <xf numFmtId="164" fontId="19" fillId="0" borderId="815" xfId="2" applyNumberFormat="1" applyFont="1" applyBorder="1" applyAlignment="1">
      <alignment horizontal="right"/>
    </xf>
    <xf numFmtId="164" fontId="19" fillId="0" borderId="816" xfId="2" applyNumberFormat="1" applyFont="1" applyBorder="1" applyProtection="1">
      <protection locked="0"/>
    </xf>
    <xf numFmtId="164" fontId="19" fillId="0" borderId="817" xfId="2" applyNumberFormat="1" applyFont="1" applyBorder="1" applyProtection="1">
      <protection locked="0"/>
    </xf>
    <xf numFmtId="164" fontId="19" fillId="0" borderId="811" xfId="2" applyNumberFormat="1" applyFont="1" applyBorder="1"/>
    <xf numFmtId="168" fontId="20" fillId="0" borderId="818" xfId="2" applyNumberFormat="1" applyFont="1" applyBorder="1" applyAlignment="1" applyProtection="1">
      <alignment horizontal="right" vertical="center"/>
      <protection locked="0"/>
    </xf>
    <xf numFmtId="168" fontId="19" fillId="0" borderId="819" xfId="2" applyNumberFormat="1" applyFont="1" applyBorder="1" applyAlignment="1" applyProtection="1">
      <alignment horizontal="right" vertical="center"/>
      <protection locked="0"/>
    </xf>
    <xf numFmtId="168" fontId="19" fillId="0" borderId="820" xfId="2" applyNumberFormat="1" applyFont="1" applyBorder="1" applyAlignment="1">
      <alignment horizontal="right" vertical="center"/>
    </xf>
    <xf numFmtId="168" fontId="19" fillId="0" borderId="818" xfId="2" applyNumberFormat="1" applyFont="1" applyBorder="1" applyAlignment="1">
      <alignment horizontal="right" vertical="center"/>
    </xf>
    <xf numFmtId="168" fontId="19" fillId="0" borderId="821" xfId="2" applyNumberFormat="1" applyFont="1" applyBorder="1" applyAlignment="1">
      <alignment horizontal="right" vertical="center"/>
    </xf>
    <xf numFmtId="168" fontId="19" fillId="0" borderId="822" xfId="2" applyNumberFormat="1" applyFont="1" applyBorder="1" applyAlignment="1">
      <alignment horizontal="right" vertical="center"/>
    </xf>
    <xf numFmtId="168" fontId="19" fillId="0" borderId="823" xfId="2" applyNumberFormat="1" applyFont="1" applyBorder="1" applyAlignment="1" applyProtection="1">
      <alignment vertical="center"/>
      <protection locked="0"/>
    </xf>
    <xf numFmtId="168" fontId="19" fillId="0" borderId="824" xfId="2" applyNumberFormat="1" applyFont="1" applyBorder="1" applyAlignment="1" applyProtection="1">
      <alignment vertical="center"/>
      <protection locked="0"/>
    </xf>
    <xf numFmtId="168" fontId="19" fillId="0" borderId="818" xfId="2" applyNumberFormat="1" applyFont="1" applyBorder="1" applyAlignment="1">
      <alignment vertical="center"/>
    </xf>
    <xf numFmtId="186" fontId="43" fillId="0" borderId="305" xfId="1" applyNumberFormat="1" applyFont="1" applyBorder="1" applyAlignment="1">
      <alignment vertical="center"/>
    </xf>
    <xf numFmtId="186" fontId="6" fillId="0" borderId="39" xfId="1" applyNumberFormat="1" applyFont="1" applyBorder="1" applyAlignment="1">
      <alignment vertical="center"/>
    </xf>
    <xf numFmtId="186" fontId="6" fillId="0" borderId="306" xfId="1" applyNumberFormat="1" applyFont="1" applyBorder="1" applyAlignment="1">
      <alignment vertical="center"/>
    </xf>
    <xf numFmtId="186" fontId="43" fillId="0" borderId="832" xfId="1" applyNumberFormat="1" applyFont="1" applyBorder="1" applyAlignment="1">
      <alignment vertical="center"/>
    </xf>
    <xf numFmtId="186" fontId="6" fillId="0" borderId="44" xfId="1" applyNumberFormat="1" applyFont="1" applyBorder="1" applyAlignment="1">
      <alignment vertical="center"/>
    </xf>
    <xf numFmtId="186" fontId="6" fillId="0" borderId="833" xfId="1" applyNumberFormat="1" applyFont="1" applyBorder="1" applyAlignment="1">
      <alignment vertical="center"/>
    </xf>
    <xf numFmtId="186" fontId="43" fillId="0" borderId="310" xfId="1" applyNumberFormat="1" applyFont="1" applyBorder="1" applyAlignment="1">
      <alignment vertical="center"/>
    </xf>
    <xf numFmtId="186" fontId="6" fillId="0" borderId="49" xfId="1" applyNumberFormat="1" applyFont="1" applyBorder="1" applyAlignment="1">
      <alignment vertical="center"/>
    </xf>
    <xf numFmtId="186" fontId="6" fillId="0" borderId="311" xfId="1" applyNumberFormat="1" applyFont="1" applyBorder="1" applyAlignment="1">
      <alignment vertical="center"/>
    </xf>
    <xf numFmtId="186" fontId="43" fillId="0" borderId="834" xfId="1" applyNumberFormat="1" applyFont="1" applyBorder="1" applyAlignment="1">
      <alignment vertical="center"/>
    </xf>
    <xf numFmtId="186" fontId="6" fillId="0" borderId="33" xfId="1" applyNumberFormat="1" applyFont="1" applyBorder="1" applyAlignment="1">
      <alignment vertical="center"/>
    </xf>
    <xf numFmtId="186" fontId="6" fillId="0" borderId="835" xfId="1" applyNumberFormat="1" applyFont="1" applyBorder="1" applyAlignment="1">
      <alignment vertical="center"/>
    </xf>
    <xf numFmtId="186" fontId="43" fillId="0" borderId="39" xfId="5" applyNumberFormat="1" applyFont="1" applyBorder="1" applyAlignment="1">
      <alignment vertical="center"/>
    </xf>
    <xf numFmtId="186" fontId="6" fillId="0" borderId="39" xfId="5" applyNumberFormat="1" applyFont="1" applyBorder="1" applyAlignment="1">
      <alignment vertical="center"/>
    </xf>
    <xf numFmtId="186" fontId="6" fillId="0" borderId="306" xfId="5" applyNumberFormat="1" applyFont="1" applyBorder="1" applyAlignment="1">
      <alignment vertical="center"/>
    </xf>
    <xf numFmtId="186" fontId="43" fillId="0" borderId="836" xfId="2" applyNumberFormat="1" applyFont="1" applyBorder="1" applyAlignment="1">
      <alignment vertical="center"/>
    </xf>
    <xf numFmtId="186" fontId="6" fillId="0" borderId="44" xfId="2" applyNumberFormat="1" applyFont="1" applyBorder="1" applyAlignment="1">
      <alignment vertical="center"/>
    </xf>
    <xf numFmtId="0" fontId="6" fillId="0" borderId="837" xfId="2" applyFont="1" applyBorder="1" applyAlignment="1">
      <alignment vertical="center"/>
    </xf>
    <xf numFmtId="186" fontId="6" fillId="0" borderId="44" xfId="5" applyNumberFormat="1" applyFont="1" applyBorder="1" applyAlignment="1">
      <alignment vertical="center"/>
    </xf>
    <xf numFmtId="186" fontId="6" fillId="0" borderId="833" xfId="5" applyNumberFormat="1" applyFont="1" applyBorder="1" applyAlignment="1">
      <alignment vertical="center"/>
    </xf>
    <xf numFmtId="186" fontId="43" fillId="0" borderId="836" xfId="1" applyNumberFormat="1" applyFont="1" applyBorder="1" applyAlignment="1">
      <alignment vertical="center"/>
    </xf>
    <xf numFmtId="171" fontId="6" fillId="0" borderId="837" xfId="2" applyNumberFormat="1" applyFont="1" applyBorder="1" applyAlignment="1">
      <alignment vertical="center"/>
    </xf>
    <xf numFmtId="186" fontId="43" fillId="0" borderId="49" xfId="1" applyNumberFormat="1" applyFont="1" applyBorder="1" applyAlignment="1">
      <alignment vertical="center"/>
    </xf>
    <xf numFmtId="186" fontId="43" fillId="0" borderId="838" xfId="1" applyNumberFormat="1" applyFont="1" applyBorder="1" applyAlignment="1">
      <alignment vertical="center"/>
    </xf>
    <xf numFmtId="171" fontId="6" fillId="0" borderId="839" xfId="5" applyNumberFormat="1" applyFont="1" applyBorder="1" applyAlignment="1">
      <alignment vertical="center"/>
    </xf>
    <xf numFmtId="187" fontId="43" fillId="0" borderId="836" xfId="1" applyNumberFormat="1" applyFont="1" applyBorder="1" applyAlignment="1">
      <alignment vertical="center"/>
    </xf>
    <xf numFmtId="187" fontId="6" fillId="0" borderId="44" xfId="1" applyNumberFormat="1" applyFont="1" applyBorder="1" applyAlignment="1">
      <alignment vertical="center"/>
    </xf>
    <xf numFmtId="187" fontId="6" fillId="0" borderId="833" xfId="1" applyNumberFormat="1" applyFont="1" applyBorder="1" applyAlignment="1">
      <alignment vertical="center"/>
    </xf>
    <xf numFmtId="172" fontId="43" fillId="38" borderId="836" xfId="2" applyNumberFormat="1" applyFont="1" applyFill="1" applyBorder="1" applyAlignment="1">
      <alignment vertical="center"/>
    </xf>
    <xf numFmtId="172" fontId="6" fillId="38" borderId="44" xfId="2" applyNumberFormat="1" applyFont="1" applyFill="1" applyBorder="1" applyAlignment="1">
      <alignment vertical="center"/>
    </xf>
    <xf numFmtId="172" fontId="6" fillId="38" borderId="44" xfId="5" applyNumberFormat="1" applyFont="1" applyFill="1" applyBorder="1" applyAlignment="1">
      <alignment vertical="center"/>
    </xf>
    <xf numFmtId="172" fontId="6" fillId="38" borderId="833" xfId="5" applyNumberFormat="1" applyFont="1" applyFill="1" applyBorder="1" applyAlignment="1">
      <alignment vertical="center"/>
    </xf>
    <xf numFmtId="172" fontId="43" fillId="38" borderId="840" xfId="2" applyNumberFormat="1" applyFont="1" applyFill="1" applyBorder="1" applyAlignment="1">
      <alignment vertical="center"/>
    </xf>
    <xf numFmtId="172" fontId="6" fillId="38" borderId="49" xfId="2" applyNumberFormat="1" applyFont="1" applyFill="1" applyBorder="1" applyAlignment="1">
      <alignment vertical="center"/>
    </xf>
    <xf numFmtId="172" fontId="6" fillId="38" borderId="49" xfId="5" applyNumberFormat="1" applyFont="1" applyFill="1" applyBorder="1" applyAlignment="1">
      <alignment vertical="center"/>
    </xf>
    <xf numFmtId="172" fontId="6" fillId="38" borderId="841" xfId="5" applyNumberFormat="1" applyFont="1" applyFill="1" applyBorder="1" applyAlignment="1">
      <alignment vertical="center"/>
    </xf>
    <xf numFmtId="168" fontId="43" fillId="0" borderId="317" xfId="21" applyNumberFormat="1" applyFont="1" applyFill="1" applyBorder="1" applyAlignment="1">
      <alignment vertical="center"/>
    </xf>
    <xf numFmtId="168" fontId="43" fillId="0" borderId="317" xfId="22" applyNumberFormat="1" applyFont="1" applyFill="1" applyBorder="1" applyAlignment="1">
      <alignment vertical="center"/>
    </xf>
    <xf numFmtId="164" fontId="43" fillId="0" borderId="319" xfId="21" applyNumberFormat="1" applyFont="1" applyFill="1" applyBorder="1" applyAlignment="1">
      <alignment vertical="center"/>
    </xf>
    <xf numFmtId="0" fontId="20" fillId="0" borderId="313" xfId="2" quotePrefix="1" applyFont="1" applyBorder="1" applyAlignment="1">
      <alignment vertical="center"/>
    </xf>
    <xf numFmtId="164" fontId="43" fillId="0" borderId="314" xfId="21" applyNumberFormat="1" applyFont="1" applyFill="1" applyBorder="1" applyAlignment="1">
      <alignment vertical="center"/>
    </xf>
    <xf numFmtId="168" fontId="43" fillId="0" borderId="275" xfId="21" applyNumberFormat="1" applyFont="1" applyFill="1" applyBorder="1" applyAlignment="1">
      <alignment vertical="center"/>
    </xf>
    <xf numFmtId="168" fontId="43" fillId="0" borderId="321" xfId="21" applyNumberFormat="1" applyFont="1" applyFill="1" applyBorder="1" applyAlignment="1">
      <alignment vertical="center"/>
    </xf>
    <xf numFmtId="168" fontId="43" fillId="0" borderId="246" xfId="21" applyNumberFormat="1" applyFont="1" applyFill="1" applyBorder="1" applyAlignment="1">
      <alignment vertical="center"/>
    </xf>
    <xf numFmtId="168" fontId="43" fillId="0" borderId="314" xfId="21" applyNumberFormat="1" applyFont="1" applyFill="1" applyBorder="1" applyAlignment="1">
      <alignment vertical="center"/>
    </xf>
    <xf numFmtId="168" fontId="43" fillId="0" borderId="275" xfId="23" applyNumberFormat="1" applyFont="1" applyFill="1" applyBorder="1" applyAlignment="1">
      <alignment vertical="center"/>
    </xf>
    <xf numFmtId="164" fontId="43" fillId="0" borderId="319" xfId="23" applyNumberFormat="1" applyFont="1" applyFill="1" applyBorder="1" applyAlignment="1">
      <alignment vertical="center"/>
    </xf>
    <xf numFmtId="164" fontId="43" fillId="0" borderId="842" xfId="23" applyNumberFormat="1" applyFont="1" applyFill="1" applyBorder="1" applyAlignment="1">
      <alignment vertical="center"/>
    </xf>
    <xf numFmtId="164" fontId="6" fillId="0" borderId="843" xfId="11" applyNumberFormat="1" applyFont="1" applyBorder="1" applyAlignment="1">
      <alignment vertical="center"/>
    </xf>
    <xf numFmtId="164" fontId="6" fillId="0" borderId="844" xfId="5" applyNumberFormat="1" applyFont="1" applyBorder="1" applyAlignment="1">
      <alignment vertical="center"/>
    </xf>
    <xf numFmtId="164" fontId="6" fillId="0" borderId="842" xfId="5" applyNumberFormat="1" applyFont="1" applyBorder="1" applyAlignment="1">
      <alignment vertical="center"/>
    </xf>
    <xf numFmtId="164" fontId="6" fillId="0" borderId="845" xfId="5" applyNumberFormat="1" applyFont="1" applyBorder="1" applyAlignment="1">
      <alignment vertical="center"/>
    </xf>
    <xf numFmtId="164" fontId="6" fillId="0" borderId="327" xfId="12" applyNumberFormat="1" applyFont="1" applyBorder="1" applyAlignment="1">
      <alignment vertical="center"/>
    </xf>
    <xf numFmtId="164" fontId="6" fillId="0" borderId="324" xfId="12" applyNumberFormat="1" applyFont="1" applyBorder="1" applyAlignment="1">
      <alignment vertical="center"/>
    </xf>
    <xf numFmtId="168" fontId="43" fillId="0" borderId="277" xfId="23" applyNumberFormat="1" applyFont="1" applyFill="1" applyBorder="1" applyAlignment="1">
      <alignment vertical="center"/>
    </xf>
    <xf numFmtId="168" fontId="6" fillId="0" borderId="846" xfId="11" applyNumberFormat="1" applyFont="1" applyBorder="1" applyAlignment="1">
      <alignment vertical="center"/>
    </xf>
    <xf numFmtId="168" fontId="6" fillId="0" borderId="847" xfId="12" applyNumberFormat="1" applyFont="1" applyBorder="1" applyAlignment="1">
      <alignment vertical="center"/>
    </xf>
    <xf numFmtId="168" fontId="6" fillId="0" borderId="329" xfId="12" applyNumberFormat="1" applyFont="1" applyBorder="1" applyAlignment="1">
      <alignment vertical="center"/>
    </xf>
    <xf numFmtId="168" fontId="43" fillId="0" borderId="319" xfId="23" applyNumberFormat="1" applyFont="1" applyFill="1" applyBorder="1" applyAlignment="1">
      <alignment vertical="center"/>
    </xf>
    <xf numFmtId="168" fontId="6" fillId="0" borderId="846" xfId="13" applyNumberFormat="1" applyFont="1" applyBorder="1" applyAlignment="1">
      <alignment vertical="center"/>
    </xf>
    <xf numFmtId="164" fontId="6" fillId="0" borderId="843" xfId="13" applyNumberFormat="1" applyFont="1" applyBorder="1" applyAlignment="1">
      <alignment vertical="center"/>
    </xf>
    <xf numFmtId="168" fontId="43" fillId="0" borderId="848" xfId="23" applyNumberFormat="1" applyFont="1" applyFill="1" applyBorder="1" applyAlignment="1">
      <alignment vertical="center"/>
    </xf>
    <xf numFmtId="168" fontId="6" fillId="0" borderId="849" xfId="13" applyNumberFormat="1" applyFont="1" applyBorder="1" applyAlignment="1">
      <alignment vertical="center"/>
    </xf>
    <xf numFmtId="168" fontId="6" fillId="0" borderId="850" xfId="5" applyNumberFormat="1" applyFont="1" applyBorder="1" applyAlignment="1">
      <alignment vertical="center"/>
    </xf>
    <xf numFmtId="168" fontId="6" fillId="0" borderId="848" xfId="5" applyNumberFormat="1" applyFont="1" applyBorder="1" applyAlignment="1">
      <alignment vertical="center"/>
    </xf>
    <xf numFmtId="168" fontId="6" fillId="0" borderId="851" xfId="5" applyNumberFormat="1" applyFont="1" applyBorder="1" applyAlignment="1">
      <alignment vertical="center"/>
    </xf>
    <xf numFmtId="168" fontId="6" fillId="0" borderId="852" xfId="12" applyNumberFormat="1" applyFont="1" applyBorder="1" applyAlignment="1">
      <alignment vertical="center"/>
    </xf>
    <xf numFmtId="168" fontId="6" fillId="0" borderId="332" xfId="12" applyNumberFormat="1" applyFont="1" applyBorder="1" applyAlignment="1">
      <alignment vertical="center"/>
    </xf>
    <xf numFmtId="168" fontId="43" fillId="0" borderId="853" xfId="24" applyNumberFormat="1" applyFont="1" applyFill="1" applyBorder="1" applyAlignment="1">
      <alignment vertical="center"/>
    </xf>
    <xf numFmtId="168" fontId="6" fillId="0" borderId="854" xfId="5" applyNumberFormat="1" applyFont="1" applyBorder="1" applyAlignment="1">
      <alignment vertical="center"/>
    </xf>
    <xf numFmtId="168" fontId="6" fillId="0" borderId="853" xfId="5" applyNumberFormat="1" applyFont="1" applyBorder="1" applyAlignment="1">
      <alignment vertical="center"/>
    </xf>
    <xf numFmtId="168" fontId="6" fillId="0" borderId="855" xfId="5" applyNumberFormat="1" applyFont="1" applyBorder="1" applyAlignment="1">
      <alignment vertical="center"/>
    </xf>
    <xf numFmtId="168" fontId="6" fillId="0" borderId="340" xfId="14" applyNumberFormat="1" applyFont="1" applyBorder="1" applyAlignment="1">
      <alignment vertical="center"/>
    </xf>
    <xf numFmtId="168" fontId="6" fillId="0" borderId="339" xfId="14" applyNumberFormat="1" applyFont="1" applyBorder="1" applyAlignment="1">
      <alignment vertical="center"/>
    </xf>
    <xf numFmtId="164" fontId="43" fillId="0" borderId="319" xfId="24" applyNumberFormat="1" applyFont="1" applyFill="1" applyBorder="1" applyAlignment="1">
      <alignment vertical="center"/>
    </xf>
    <xf numFmtId="164" fontId="43" fillId="0" borderId="794" xfId="24" applyNumberFormat="1" applyFont="1" applyFill="1" applyBorder="1" applyAlignment="1">
      <alignment vertical="center"/>
    </xf>
    <xf numFmtId="164" fontId="6" fillId="0" borderId="856" xfId="5" applyNumberFormat="1" applyFont="1" applyBorder="1" applyAlignment="1">
      <alignment vertical="center"/>
    </xf>
    <xf numFmtId="164" fontId="6" fillId="0" borderId="794" xfId="5" applyNumberFormat="1" applyFont="1" applyBorder="1" applyAlignment="1">
      <alignment vertical="center"/>
    </xf>
    <xf numFmtId="164" fontId="6" fillId="0" borderId="857" xfId="5" applyNumberFormat="1" applyFont="1" applyBorder="1" applyAlignment="1">
      <alignment vertical="center"/>
    </xf>
    <xf numFmtId="164" fontId="6" fillId="0" borderId="342" xfId="14" applyNumberFormat="1" applyFont="1" applyBorder="1" applyAlignment="1">
      <alignment vertical="center"/>
    </xf>
    <xf numFmtId="164" fontId="6" fillId="0" borderId="236" xfId="14" applyNumberFormat="1" applyFont="1" applyBorder="1" applyAlignment="1">
      <alignment vertical="center"/>
    </xf>
    <xf numFmtId="168" fontId="43" fillId="0" borderId="275" xfId="24" applyNumberFormat="1" applyFont="1" applyFill="1" applyBorder="1" applyAlignment="1">
      <alignment vertical="center"/>
    </xf>
    <xf numFmtId="168" fontId="6" fillId="0" borderId="339" xfId="2" applyNumberFormat="1" applyFont="1" applyBorder="1" applyAlignment="1">
      <alignment vertical="center"/>
    </xf>
    <xf numFmtId="164" fontId="6" fillId="0" borderId="236" xfId="2" applyNumberFormat="1" applyFont="1" applyBorder="1" applyAlignment="1">
      <alignment vertical="center"/>
    </xf>
    <xf numFmtId="168" fontId="43" fillId="0" borderId="858" xfId="24" applyNumberFormat="1" applyFont="1" applyFill="1" applyBorder="1" applyAlignment="1">
      <alignment vertical="center"/>
    </xf>
    <xf numFmtId="168" fontId="6" fillId="0" borderId="859" xfId="5" applyNumberFormat="1" applyFont="1" applyBorder="1" applyAlignment="1">
      <alignment vertical="center"/>
    </xf>
    <xf numFmtId="168" fontId="6" fillId="0" borderId="858" xfId="5" applyNumberFormat="1" applyFont="1" applyBorder="1" applyAlignment="1">
      <alignment vertical="center"/>
    </xf>
    <xf numFmtId="168" fontId="6" fillId="0" borderId="860" xfId="5" applyNumberFormat="1" applyFont="1" applyBorder="1" applyAlignment="1">
      <alignment vertical="center"/>
    </xf>
    <xf numFmtId="168" fontId="6" fillId="0" borderId="345" xfId="14" applyNumberFormat="1" applyFont="1" applyBorder="1" applyAlignment="1">
      <alignment vertical="center"/>
    </xf>
    <xf numFmtId="168" fontId="6" fillId="0" borderId="344" xfId="14" applyNumberFormat="1" applyFont="1" applyBorder="1" applyAlignment="1">
      <alignment vertical="center"/>
    </xf>
    <xf numFmtId="168" fontId="43" fillId="0" borderId="38" xfId="11" applyNumberFormat="1" applyFont="1" applyFill="1" applyBorder="1" applyAlignment="1">
      <alignment vertical="center"/>
    </xf>
    <xf numFmtId="168" fontId="43" fillId="0" borderId="352" xfId="11" applyNumberFormat="1" applyFont="1" applyFill="1" applyBorder="1" applyAlignment="1">
      <alignment vertical="center"/>
    </xf>
    <xf numFmtId="168" fontId="43" fillId="0" borderId="39" xfId="11" applyNumberFormat="1" applyFont="1" applyFill="1" applyBorder="1" applyAlignment="1">
      <alignment vertical="center"/>
    </xf>
    <xf numFmtId="168" fontId="6" fillId="0" borderId="38" xfId="24" applyNumberFormat="1" applyFont="1" applyBorder="1" applyAlignment="1">
      <alignment vertical="center"/>
    </xf>
    <xf numFmtId="168" fontId="6" fillId="0" borderId="352" xfId="24" applyNumberFormat="1" applyFont="1" applyBorder="1" applyAlignment="1">
      <alignment vertical="center"/>
    </xf>
    <xf numFmtId="168" fontId="6" fillId="0" borderId="39" xfId="24" applyNumberFormat="1" applyFont="1" applyBorder="1" applyAlignment="1">
      <alignment vertical="center"/>
    </xf>
    <xf numFmtId="168" fontId="6" fillId="0" borderId="38" xfId="24" applyNumberFormat="1" applyFont="1" applyFill="1" applyBorder="1" applyAlignment="1">
      <alignment vertical="center"/>
    </xf>
    <xf numFmtId="168" fontId="6" fillId="0" borderId="352" xfId="24" applyNumberFormat="1" applyFont="1" applyFill="1" applyBorder="1" applyAlignment="1">
      <alignment vertical="center"/>
    </xf>
    <xf numFmtId="168" fontId="6" fillId="0" borderId="306" xfId="24" applyNumberFormat="1" applyFont="1" applyFill="1" applyBorder="1" applyAlignment="1">
      <alignment vertical="center"/>
    </xf>
    <xf numFmtId="168" fontId="43" fillId="0" borderId="43" xfId="11" applyNumberFormat="1" applyFont="1" applyFill="1" applyBorder="1" applyAlignment="1">
      <alignment vertical="center"/>
    </xf>
    <xf numFmtId="168" fontId="43" fillId="0" borderId="861" xfId="11" applyNumberFormat="1" applyFont="1" applyFill="1" applyBorder="1" applyAlignment="1">
      <alignment vertical="center"/>
    </xf>
    <xf numFmtId="168" fontId="43" fillId="0" borderId="44" xfId="11" applyNumberFormat="1" applyFont="1" applyFill="1" applyBorder="1" applyAlignment="1">
      <alignment vertical="center"/>
    </xf>
    <xf numFmtId="168" fontId="6" fillId="0" borderId="43" xfId="24" applyNumberFormat="1" applyFont="1" applyBorder="1" applyAlignment="1">
      <alignment vertical="center"/>
    </xf>
    <xf numFmtId="168" fontId="6" fillId="0" borderId="861" xfId="24" applyNumberFormat="1" applyFont="1" applyBorder="1" applyAlignment="1">
      <alignment vertical="center"/>
    </xf>
    <xf numFmtId="168" fontId="6" fillId="0" borderId="44" xfId="24" applyNumberFormat="1" applyFont="1" applyBorder="1" applyAlignment="1">
      <alignment vertical="center"/>
    </xf>
    <xf numFmtId="168" fontId="6" fillId="0" borderId="862" xfId="15" applyNumberFormat="1" applyFont="1" applyBorder="1" applyAlignment="1">
      <alignment vertical="center"/>
    </xf>
    <xf numFmtId="168" fontId="6" fillId="0" borderId="43" xfId="24" applyNumberFormat="1" applyFont="1" applyFill="1" applyBorder="1" applyAlignment="1">
      <alignment vertical="center"/>
    </xf>
    <xf numFmtId="168" fontId="6" fillId="0" borderId="861" xfId="24" applyNumberFormat="1" applyFont="1" applyFill="1" applyBorder="1" applyAlignment="1">
      <alignment vertical="center"/>
    </xf>
    <xf numFmtId="168" fontId="6" fillId="0" borderId="354" xfId="24" applyNumberFormat="1" applyFont="1" applyFill="1" applyBorder="1" applyAlignment="1">
      <alignment vertical="center"/>
    </xf>
    <xf numFmtId="164" fontId="43" fillId="0" borderId="43" xfId="11" applyNumberFormat="1" applyFont="1" applyFill="1" applyBorder="1" applyAlignment="1">
      <alignment vertical="center"/>
    </xf>
    <xf numFmtId="164" fontId="43" fillId="0" borderId="861" xfId="11" applyNumberFormat="1" applyFont="1" applyFill="1" applyBorder="1" applyAlignment="1">
      <alignment vertical="center"/>
    </xf>
    <xf numFmtId="164" fontId="43" fillId="0" borderId="44" xfId="11" applyNumberFormat="1" applyFont="1" applyFill="1" applyBorder="1" applyAlignment="1">
      <alignment vertical="center"/>
    </xf>
    <xf numFmtId="164" fontId="6" fillId="0" borderId="43" xfId="24" applyNumberFormat="1" applyFont="1" applyBorder="1" applyAlignment="1">
      <alignment vertical="center"/>
    </xf>
    <xf numFmtId="164" fontId="6" fillId="0" borderId="861" xfId="24" applyNumberFormat="1" applyFont="1" applyBorder="1" applyAlignment="1">
      <alignment vertical="center"/>
    </xf>
    <xf numFmtId="164" fontId="6" fillId="0" borderId="44" xfId="24" applyNumberFormat="1" applyFont="1" applyBorder="1" applyAlignment="1">
      <alignment vertical="center"/>
    </xf>
    <xf numFmtId="164" fontId="6" fillId="0" borderId="862" xfId="15" applyNumberFormat="1" applyFont="1" applyBorder="1" applyAlignment="1">
      <alignment vertical="center"/>
    </xf>
    <xf numFmtId="164" fontId="6" fillId="0" borderId="43" xfId="24" applyNumberFormat="1" applyFont="1" applyFill="1" applyBorder="1" applyAlignment="1">
      <alignment vertical="center"/>
    </xf>
    <xf numFmtId="164" fontId="6" fillId="0" borderId="861" xfId="24" applyNumberFormat="1" applyFont="1" applyFill="1" applyBorder="1" applyAlignment="1">
      <alignment vertical="center"/>
    </xf>
    <xf numFmtId="164" fontId="6" fillId="0" borderId="354" xfId="24" applyNumberFormat="1" applyFont="1" applyFill="1" applyBorder="1" applyAlignment="1">
      <alignment vertical="center"/>
    </xf>
    <xf numFmtId="168" fontId="43" fillId="0" borderId="42" xfId="11" applyNumberFormat="1" applyFont="1" applyFill="1" applyBorder="1" applyAlignment="1">
      <alignment vertical="center"/>
    </xf>
    <xf numFmtId="168" fontId="43" fillId="0" borderId="863" xfId="11" applyNumberFormat="1" applyFont="1" applyFill="1" applyBorder="1" applyAlignment="1">
      <alignment vertical="center"/>
    </xf>
    <xf numFmtId="168" fontId="43" fillId="0" borderId="864" xfId="11" applyNumberFormat="1" applyFont="1" applyFill="1" applyBorder="1" applyAlignment="1">
      <alignment vertical="center"/>
    </xf>
    <xf numFmtId="164" fontId="43" fillId="0" borderId="48" xfId="11" applyNumberFormat="1" applyFont="1" applyFill="1" applyBorder="1" applyAlignment="1">
      <alignment vertical="center"/>
    </xf>
    <xf numFmtId="164" fontId="43" fillId="0" borderId="355" xfId="11" applyNumberFormat="1" applyFont="1" applyFill="1" applyBorder="1" applyAlignment="1">
      <alignment vertical="center"/>
    </xf>
    <xf numFmtId="164" fontId="43" fillId="0" borderId="49" xfId="11" applyNumberFormat="1" applyFont="1" applyFill="1" applyBorder="1" applyAlignment="1">
      <alignment vertical="center"/>
    </xf>
    <xf numFmtId="164" fontId="6" fillId="0" borderId="48" xfId="24" applyNumberFormat="1" applyFont="1" applyBorder="1" applyAlignment="1">
      <alignment vertical="center"/>
    </xf>
    <xf numFmtId="164" fontId="6" fillId="0" borderId="355" xfId="24" applyNumberFormat="1" applyFont="1" applyBorder="1" applyAlignment="1">
      <alignment vertical="center"/>
    </xf>
    <xf numFmtId="164" fontId="6" fillId="0" borderId="49" xfId="24" applyNumberFormat="1" applyFont="1" applyBorder="1" applyAlignment="1">
      <alignment vertical="center"/>
    </xf>
    <xf numFmtId="164" fontId="6" fillId="0" borderId="48" xfId="24" applyNumberFormat="1" applyFont="1" applyFill="1" applyBorder="1" applyAlignment="1">
      <alignment vertical="center"/>
    </xf>
    <xf numFmtId="164" fontId="6" fillId="0" borderId="355" xfId="24" applyNumberFormat="1" applyFont="1" applyFill="1" applyBorder="1" applyAlignment="1">
      <alignment vertical="center"/>
    </xf>
    <xf numFmtId="164" fontId="6" fillId="0" borderId="311" xfId="24" applyNumberFormat="1" applyFont="1" applyFill="1" applyBorder="1" applyAlignment="1">
      <alignment vertical="center"/>
    </xf>
    <xf numFmtId="168" fontId="43" fillId="0" borderId="32" xfId="11" applyNumberFormat="1" applyFont="1" applyFill="1" applyBorder="1" applyAlignment="1">
      <alignment vertical="center"/>
    </xf>
    <xf numFmtId="168" fontId="43" fillId="0" borderId="865" xfId="11" applyNumberFormat="1" applyFont="1" applyFill="1" applyBorder="1" applyAlignment="1">
      <alignment vertical="center"/>
    </xf>
    <xf numFmtId="168" fontId="43" fillId="0" borderId="33" xfId="11" applyNumberFormat="1" applyFont="1" applyFill="1" applyBorder="1" applyAlignment="1">
      <alignment vertical="center"/>
    </xf>
    <xf numFmtId="168" fontId="6" fillId="0" borderId="32" xfId="24" applyNumberFormat="1" applyFont="1" applyBorder="1" applyAlignment="1">
      <alignment vertical="center"/>
    </xf>
    <xf numFmtId="168" fontId="6" fillId="0" borderId="865" xfId="24" applyNumberFormat="1" applyFont="1" applyBorder="1" applyAlignment="1">
      <alignment vertical="center"/>
    </xf>
    <xf numFmtId="168" fontId="6" fillId="0" borderId="33" xfId="24" applyNumberFormat="1" applyFont="1" applyBorder="1" applyAlignment="1">
      <alignment vertical="center"/>
    </xf>
    <xf numFmtId="168" fontId="6" fillId="0" borderId="866" xfId="15" applyNumberFormat="1" applyFont="1" applyBorder="1" applyAlignment="1">
      <alignment vertical="center"/>
    </xf>
    <xf numFmtId="168" fontId="6" fillId="0" borderId="32" xfId="24" applyNumberFormat="1" applyFont="1" applyFill="1" applyBorder="1" applyAlignment="1">
      <alignment vertical="center"/>
    </xf>
    <xf numFmtId="168" fontId="6" fillId="0" borderId="865" xfId="24" applyNumberFormat="1" applyFont="1" applyFill="1" applyBorder="1" applyAlignment="1">
      <alignment vertical="center"/>
    </xf>
    <xf numFmtId="168" fontId="6" fillId="0" borderId="351" xfId="24" applyNumberFormat="1" applyFont="1" applyFill="1" applyBorder="1" applyAlignment="1">
      <alignment vertical="center"/>
    </xf>
    <xf numFmtId="0" fontId="43" fillId="0" borderId="867" xfId="5" applyNumberFormat="1" applyFont="1" applyFill="1" applyBorder="1" applyAlignment="1">
      <alignment horizontal="center" vertical="center"/>
    </xf>
    <xf numFmtId="0" fontId="6" fillId="0" borderId="867" xfId="5" applyNumberFormat="1" applyFont="1" applyBorder="1" applyAlignment="1">
      <alignment horizontal="center" vertical="center"/>
    </xf>
    <xf numFmtId="168" fontId="43" fillId="0" borderId="868" xfId="2" applyNumberFormat="1" applyFont="1" applyBorder="1" applyAlignment="1">
      <alignment vertical="center"/>
    </xf>
    <xf numFmtId="168" fontId="43" fillId="0" borderId="869" xfId="2" applyNumberFormat="1" applyFont="1" applyBorder="1" applyAlignment="1">
      <alignment vertical="center"/>
    </xf>
    <xf numFmtId="168" fontId="43" fillId="0" borderId="870" xfId="16" applyNumberFormat="1" applyFont="1" applyFill="1" applyBorder="1" applyAlignment="1">
      <alignment vertical="center"/>
    </xf>
    <xf numFmtId="168" fontId="6" fillId="0" borderId="871" xfId="2" applyNumberFormat="1" applyFont="1" applyBorder="1" applyAlignment="1">
      <alignment vertical="center"/>
    </xf>
    <xf numFmtId="168" fontId="6" fillId="0" borderId="872" xfId="2" applyNumberFormat="1" applyFont="1" applyBorder="1" applyAlignment="1">
      <alignment vertical="center"/>
    </xf>
    <xf numFmtId="168" fontId="6" fillId="0" borderId="873" xfId="24" applyNumberFormat="1" applyFont="1" applyFill="1" applyBorder="1" applyAlignment="1">
      <alignment vertical="center"/>
    </xf>
    <xf numFmtId="168" fontId="6" fillId="0" borderId="874" xfId="24" applyNumberFormat="1" applyFont="1" applyFill="1" applyBorder="1" applyAlignment="1">
      <alignment vertical="center"/>
    </xf>
    <xf numFmtId="168" fontId="6" fillId="0" borderId="372" xfId="24" applyNumberFormat="1" applyFont="1" applyFill="1" applyBorder="1" applyAlignment="1">
      <alignment vertical="center"/>
    </xf>
    <xf numFmtId="168" fontId="6" fillId="0" borderId="373" xfId="24" applyNumberFormat="1" applyFont="1" applyFill="1" applyBorder="1" applyAlignment="1">
      <alignment vertical="center"/>
    </xf>
    <xf numFmtId="168" fontId="6" fillId="0" borderId="873" xfId="2" applyNumberFormat="1" applyFont="1" applyBorder="1" applyAlignment="1">
      <alignment vertical="center"/>
    </xf>
    <xf numFmtId="168" fontId="6" fillId="0" borderId="874" xfId="2" applyNumberFormat="1" applyFont="1" applyBorder="1" applyAlignment="1">
      <alignment vertical="center"/>
    </xf>
    <xf numFmtId="168" fontId="43" fillId="0" borderId="376" xfId="25" applyNumberFormat="1" applyFont="1" applyFill="1" applyBorder="1" applyAlignment="1">
      <alignment vertical="center"/>
    </xf>
    <xf numFmtId="168" fontId="6" fillId="0" borderId="376" xfId="24" applyNumberFormat="1" applyFont="1" applyFill="1" applyBorder="1" applyAlignment="1">
      <alignment vertical="center"/>
    </xf>
    <xf numFmtId="168" fontId="6" fillId="0" borderId="377" xfId="24" applyNumberFormat="1" applyFont="1" applyFill="1" applyBorder="1" applyAlignment="1">
      <alignment vertical="center"/>
    </xf>
    <xf numFmtId="168" fontId="43" fillId="0" borderId="380" xfId="25" applyNumberFormat="1" applyFont="1" applyFill="1" applyBorder="1" applyAlignment="1">
      <alignment vertical="center"/>
    </xf>
    <xf numFmtId="168" fontId="6" fillId="0" borderId="380" xfId="24" applyNumberFormat="1" applyFont="1" applyFill="1" applyBorder="1" applyAlignment="1">
      <alignment vertical="center"/>
    </xf>
    <xf numFmtId="168" fontId="6" fillId="0" borderId="381" xfId="24" applyNumberFormat="1" applyFont="1" applyFill="1" applyBorder="1" applyAlignment="1">
      <alignment vertical="center"/>
    </xf>
    <xf numFmtId="168" fontId="43" fillId="0" borderId="875" xfId="2" applyNumberFormat="1" applyFont="1" applyBorder="1" applyAlignment="1">
      <alignment vertical="center"/>
    </xf>
    <xf numFmtId="168" fontId="43" fillId="0" borderId="876" xfId="2" applyNumberFormat="1" applyFont="1" applyBorder="1" applyAlignment="1">
      <alignment vertical="center"/>
    </xf>
    <xf numFmtId="168" fontId="43" fillId="0" borderId="877" xfId="25" applyNumberFormat="1" applyFont="1" applyFill="1" applyBorder="1" applyAlignment="1">
      <alignment vertical="center"/>
    </xf>
    <xf numFmtId="168" fontId="6" fillId="0" borderId="875" xfId="2" applyNumberFormat="1" applyFont="1" applyBorder="1" applyAlignment="1">
      <alignment vertical="center"/>
    </xf>
    <xf numFmtId="168" fontId="6" fillId="0" borderId="876" xfId="2" applyNumberFormat="1" applyFont="1" applyBorder="1" applyAlignment="1">
      <alignment vertical="center"/>
    </xf>
    <xf numFmtId="168" fontId="6" fillId="0" borderId="877" xfId="24" applyNumberFormat="1" applyFont="1" applyFill="1" applyBorder="1" applyAlignment="1">
      <alignment vertical="center"/>
    </xf>
    <xf numFmtId="168" fontId="6" fillId="0" borderId="878" xfId="24" applyNumberFormat="1" applyFont="1" applyFill="1" applyBorder="1" applyAlignment="1">
      <alignment vertical="center"/>
    </xf>
    <xf numFmtId="0" fontId="6" fillId="0" borderId="384" xfId="24" applyNumberFormat="1" applyFont="1" applyBorder="1" applyAlignment="1">
      <alignment horizontal="center" vertical="center"/>
    </xf>
    <xf numFmtId="0" fontId="6" fillId="0" borderId="385" xfId="24" applyNumberFormat="1" applyFont="1" applyFill="1" applyBorder="1" applyAlignment="1">
      <alignment horizontal="center" vertical="center"/>
    </xf>
    <xf numFmtId="0" fontId="6" fillId="0" borderId="388" xfId="24" applyNumberFormat="1" applyFont="1" applyBorder="1" applyAlignment="1">
      <alignment horizontal="center" vertical="center"/>
    </xf>
    <xf numFmtId="0" fontId="6" fillId="0" borderId="389" xfId="24" applyNumberFormat="1" applyFont="1" applyFill="1" applyBorder="1" applyAlignment="1">
      <alignment horizontal="center" vertical="center"/>
    </xf>
    <xf numFmtId="168" fontId="43" fillId="0" borderId="870" xfId="26" applyNumberFormat="1" applyFont="1" applyFill="1" applyBorder="1" applyAlignment="1">
      <alignment vertical="center"/>
    </xf>
    <xf numFmtId="168" fontId="6" fillId="0" borderId="868" xfId="2" applyNumberFormat="1" applyFont="1" applyBorder="1" applyAlignment="1">
      <alignment vertical="center"/>
    </xf>
    <xf numFmtId="168" fontId="6" fillId="0" borderId="869" xfId="2" applyNumberFormat="1" applyFont="1" applyBorder="1" applyAlignment="1">
      <alignment vertical="center"/>
    </xf>
    <xf numFmtId="168" fontId="6" fillId="0" borderId="870" xfId="16" applyNumberFormat="1" applyFont="1" applyFill="1" applyBorder="1" applyAlignment="1">
      <alignment vertical="center"/>
    </xf>
    <xf numFmtId="168" fontId="43" fillId="0" borderId="870" xfId="2" applyNumberFormat="1" applyFont="1" applyBorder="1" applyAlignment="1">
      <alignment vertical="center"/>
    </xf>
    <xf numFmtId="168" fontId="6" fillId="0" borderId="870" xfId="2" applyNumberFormat="1" applyFont="1" applyBorder="1" applyAlignment="1">
      <alignment vertical="center"/>
    </xf>
    <xf numFmtId="168" fontId="43" fillId="0" borderId="879" xfId="2" applyNumberFormat="1" applyFont="1" applyBorder="1" applyAlignment="1">
      <alignment vertical="center"/>
    </xf>
    <xf numFmtId="168" fontId="43" fillId="0" borderId="880" xfId="2" applyNumberFormat="1" applyFont="1" applyBorder="1" applyAlignment="1">
      <alignment vertical="center"/>
    </xf>
    <xf numFmtId="168" fontId="43" fillId="0" borderId="881" xfId="2" applyNumberFormat="1" applyFont="1" applyBorder="1" applyAlignment="1">
      <alignment vertical="center"/>
    </xf>
    <xf numFmtId="168" fontId="6" fillId="0" borderId="879" xfId="2" applyNumberFormat="1" applyFont="1" applyBorder="1" applyAlignment="1">
      <alignment vertical="center"/>
    </xf>
    <xf numFmtId="168" fontId="6" fillId="0" borderId="880" xfId="2" applyNumberFormat="1" applyFont="1" applyBorder="1" applyAlignment="1">
      <alignment vertical="center"/>
    </xf>
    <xf numFmtId="168" fontId="6" fillId="0" borderId="881" xfId="2" applyNumberFormat="1" applyFont="1" applyBorder="1" applyAlignment="1">
      <alignment vertical="center"/>
    </xf>
    <xf numFmtId="168" fontId="6" fillId="0" borderId="877" xfId="2" applyNumberFormat="1" applyFont="1" applyBorder="1" applyAlignment="1">
      <alignment vertical="center"/>
    </xf>
    <xf numFmtId="168" fontId="6" fillId="0" borderId="878" xfId="2" applyNumberFormat="1" applyFont="1" applyBorder="1" applyAlignment="1">
      <alignment vertical="center"/>
    </xf>
    <xf numFmtId="168" fontId="43" fillId="39" borderId="868" xfId="2" applyNumberFormat="1" applyFont="1" applyFill="1" applyBorder="1" applyAlignment="1">
      <alignment vertical="center"/>
    </xf>
    <xf numFmtId="168" fontId="43" fillId="39" borderId="869" xfId="2" applyNumberFormat="1" applyFont="1" applyFill="1" applyBorder="1" applyAlignment="1">
      <alignment vertical="center"/>
    </xf>
    <xf numFmtId="168" fontId="6" fillId="39" borderId="868" xfId="2" applyNumberFormat="1" applyFont="1" applyFill="1" applyBorder="1" applyAlignment="1">
      <alignment vertical="center"/>
    </xf>
    <xf numFmtId="168" fontId="6" fillId="39" borderId="869" xfId="2" applyNumberFormat="1" applyFont="1" applyFill="1" applyBorder="1" applyAlignment="1">
      <alignment vertical="center"/>
    </xf>
    <xf numFmtId="168" fontId="6" fillId="19" borderId="871" xfId="2" applyNumberFormat="1" applyFont="1" applyFill="1" applyBorder="1" applyAlignment="1">
      <alignment vertical="center"/>
    </xf>
    <xf numFmtId="168" fontId="6" fillId="19" borderId="872" xfId="2" applyNumberFormat="1" applyFont="1" applyFill="1" applyBorder="1" applyAlignment="1">
      <alignment vertical="center"/>
    </xf>
    <xf numFmtId="168" fontId="43" fillId="39" borderId="370" xfId="2" applyNumberFormat="1" applyFont="1" applyFill="1" applyBorder="1" applyAlignment="1">
      <alignment vertical="center"/>
    </xf>
    <xf numFmtId="168" fontId="43" fillId="39" borderId="371" xfId="2" applyNumberFormat="1" applyFont="1" applyFill="1" applyBorder="1" applyAlignment="1">
      <alignment vertical="center"/>
    </xf>
    <xf numFmtId="168" fontId="43" fillId="0" borderId="372" xfId="26" applyNumberFormat="1" applyFont="1" applyFill="1" applyBorder="1" applyAlignment="1">
      <alignment vertical="center"/>
    </xf>
    <xf numFmtId="168" fontId="6" fillId="39" borderId="370" xfId="2" applyNumberFormat="1" applyFont="1" applyFill="1" applyBorder="1" applyAlignment="1">
      <alignment vertical="center"/>
    </xf>
    <xf numFmtId="168" fontId="6" fillId="39" borderId="371" xfId="2" applyNumberFormat="1" applyFont="1" applyFill="1" applyBorder="1" applyAlignment="1">
      <alignment vertical="center"/>
    </xf>
    <xf numFmtId="168" fontId="6" fillId="19" borderId="370" xfId="2" applyNumberFormat="1" applyFont="1" applyFill="1" applyBorder="1" applyAlignment="1">
      <alignment vertical="center"/>
    </xf>
    <xf numFmtId="168" fontId="6" fillId="19" borderId="371" xfId="2" applyNumberFormat="1" applyFont="1" applyFill="1" applyBorder="1" applyAlignment="1">
      <alignment vertical="center"/>
    </xf>
    <xf numFmtId="168" fontId="43" fillId="39" borderId="390" xfId="2" applyNumberFormat="1" applyFont="1" applyFill="1" applyBorder="1" applyAlignment="1">
      <alignment vertical="center"/>
    </xf>
    <xf numFmtId="168" fontId="43" fillId="39" borderId="391" xfId="2" applyNumberFormat="1" applyFont="1" applyFill="1" applyBorder="1" applyAlignment="1">
      <alignment vertical="center"/>
    </xf>
    <xf numFmtId="168" fontId="6" fillId="39" borderId="390" xfId="2" applyNumberFormat="1" applyFont="1" applyFill="1" applyBorder="1" applyAlignment="1">
      <alignment vertical="center"/>
    </xf>
    <xf numFmtId="168" fontId="6" fillId="39" borderId="391" xfId="2" applyNumberFormat="1" applyFont="1" applyFill="1" applyBorder="1" applyAlignment="1">
      <alignment vertical="center"/>
    </xf>
    <xf numFmtId="168" fontId="6" fillId="19" borderId="390" xfId="2" applyNumberFormat="1" applyFont="1" applyFill="1" applyBorder="1" applyAlignment="1">
      <alignment vertical="center"/>
    </xf>
    <xf numFmtId="168" fontId="6" fillId="19" borderId="391" xfId="2" applyNumberFormat="1" applyFont="1" applyFill="1" applyBorder="1" applyAlignment="1">
      <alignment vertical="center"/>
    </xf>
    <xf numFmtId="168" fontId="43" fillId="39" borderId="879" xfId="2" applyNumberFormat="1" applyFont="1" applyFill="1" applyBorder="1" applyAlignment="1">
      <alignment vertical="center"/>
    </xf>
    <xf numFmtId="168" fontId="43" fillId="39" borderId="880" xfId="2" applyNumberFormat="1" applyFont="1" applyFill="1" applyBorder="1" applyAlignment="1">
      <alignment vertical="center"/>
    </xf>
    <xf numFmtId="168" fontId="6" fillId="39" borderId="879" xfId="2" applyNumberFormat="1" applyFont="1" applyFill="1" applyBorder="1" applyAlignment="1">
      <alignment vertical="center"/>
    </xf>
    <xf numFmtId="168" fontId="6" fillId="39" borderId="880" xfId="2" applyNumberFormat="1" applyFont="1" applyFill="1" applyBorder="1" applyAlignment="1">
      <alignment vertical="center"/>
    </xf>
    <xf numFmtId="168" fontId="6" fillId="19" borderId="875" xfId="2" applyNumberFormat="1" applyFont="1" applyFill="1" applyBorder="1" applyAlignment="1">
      <alignment vertical="center"/>
    </xf>
    <xf numFmtId="168" fontId="6" fillId="19" borderId="876" xfId="2" applyNumberFormat="1" applyFont="1" applyFill="1" applyBorder="1" applyAlignment="1">
      <alignment vertical="center"/>
    </xf>
    <xf numFmtId="164" fontId="6" fillId="0" borderId="5" xfId="5" applyNumberFormat="1" applyFont="1" applyBorder="1" applyAlignment="1">
      <alignment vertical="center"/>
    </xf>
    <xf numFmtId="164" fontId="6" fillId="0" borderId="882" xfId="5" applyNumberFormat="1" applyFont="1" applyBorder="1" applyAlignment="1">
      <alignment vertical="center"/>
    </xf>
    <xf numFmtId="168" fontId="43" fillId="0" borderId="883" xfId="2" applyNumberFormat="1" applyFont="1" applyBorder="1" applyAlignment="1">
      <alignment vertical="center"/>
    </xf>
    <xf numFmtId="168" fontId="6" fillId="0" borderId="884" xfId="2" applyNumberFormat="1" applyFont="1" applyBorder="1" applyAlignment="1">
      <alignment vertical="center"/>
    </xf>
    <xf numFmtId="168" fontId="6" fillId="0" borderId="883" xfId="2" applyNumberFormat="1" applyFont="1" applyBorder="1" applyAlignment="1">
      <alignment vertical="center"/>
    </xf>
    <xf numFmtId="168" fontId="6" fillId="0" borderId="885" xfId="2" applyNumberFormat="1" applyFont="1" applyBorder="1" applyAlignment="1">
      <alignment vertical="center"/>
    </xf>
    <xf numFmtId="168" fontId="6" fillId="0" borderId="886" xfId="2" applyNumberFormat="1" applyFont="1" applyBorder="1" applyAlignment="1">
      <alignment vertical="center"/>
    </xf>
    <xf numFmtId="168" fontId="6" fillId="0" borderId="887" xfId="2" applyNumberFormat="1" applyFont="1" applyBorder="1" applyAlignment="1">
      <alignment vertical="center"/>
    </xf>
    <xf numFmtId="164" fontId="43" fillId="0" borderId="883" xfId="2" applyNumberFormat="1" applyFont="1" applyBorder="1" applyAlignment="1">
      <alignment vertical="center"/>
    </xf>
    <xf numFmtId="164" fontId="6" fillId="0" borderId="884" xfId="2" applyNumberFormat="1" applyFont="1" applyBorder="1" applyAlignment="1">
      <alignment vertical="center"/>
    </xf>
    <xf numFmtId="164" fontId="6" fillId="0" borderId="883" xfId="2" applyNumberFormat="1" applyFont="1" applyBorder="1" applyAlignment="1">
      <alignment vertical="center"/>
    </xf>
    <xf numFmtId="164" fontId="6" fillId="0" borderId="885" xfId="2" applyNumberFormat="1" applyFont="1" applyBorder="1" applyAlignment="1">
      <alignment vertical="center"/>
    </xf>
    <xf numFmtId="164" fontId="6" fillId="0" borderId="886" xfId="2" applyNumberFormat="1" applyFont="1" applyBorder="1" applyAlignment="1">
      <alignment vertical="center"/>
    </xf>
    <xf numFmtId="164" fontId="6" fillId="0" borderId="887" xfId="2" applyNumberFormat="1" applyFont="1" applyBorder="1" applyAlignment="1">
      <alignment vertical="center"/>
    </xf>
    <xf numFmtId="168" fontId="43" fillId="0" borderId="888" xfId="2" applyNumberFormat="1" applyFont="1" applyBorder="1" applyAlignment="1">
      <alignment vertical="center"/>
    </xf>
    <xf numFmtId="168" fontId="6" fillId="0" borderId="889" xfId="2" applyNumberFormat="1" applyFont="1" applyBorder="1" applyAlignment="1">
      <alignment vertical="center"/>
    </xf>
    <xf numFmtId="168" fontId="6" fillId="0" borderId="888" xfId="24" applyNumberFormat="1" applyFont="1" applyBorder="1" applyAlignment="1">
      <alignment vertical="center"/>
    </xf>
    <xf numFmtId="168" fontId="6" fillId="0" borderId="890" xfId="24" applyNumberFormat="1" applyFont="1" applyBorder="1" applyAlignment="1">
      <alignment vertical="center"/>
    </xf>
    <xf numFmtId="168" fontId="6" fillId="0" borderId="891" xfId="24" applyNumberFormat="1" applyFont="1" applyBorder="1" applyAlignment="1">
      <alignment vertical="center"/>
    </xf>
    <xf numFmtId="168" fontId="6" fillId="0" borderId="892" xfId="24" applyNumberFormat="1" applyFont="1" applyBorder="1" applyAlignment="1">
      <alignment vertical="center"/>
    </xf>
    <xf numFmtId="168" fontId="6" fillId="0" borderId="888" xfId="2" applyNumberFormat="1" applyFont="1" applyBorder="1" applyAlignment="1">
      <alignment vertical="center"/>
    </xf>
    <xf numFmtId="168" fontId="43" fillId="0" borderId="893" xfId="2" applyNumberFormat="1" applyFont="1" applyBorder="1" applyAlignment="1">
      <alignment vertical="center"/>
    </xf>
    <xf numFmtId="168" fontId="6" fillId="0" borderId="894" xfId="2" applyNumberFormat="1" applyFont="1" applyBorder="1" applyAlignment="1">
      <alignment vertical="center"/>
    </xf>
    <xf numFmtId="168" fontId="6" fillId="0" borderId="893" xfId="2" applyNumberFormat="1" applyFont="1" applyBorder="1" applyAlignment="1">
      <alignment vertical="center"/>
    </xf>
    <xf numFmtId="168" fontId="6" fillId="0" borderId="895" xfId="2" applyNumberFormat="1" applyFont="1" applyBorder="1" applyAlignment="1">
      <alignment vertical="center"/>
    </xf>
    <xf numFmtId="168" fontId="6" fillId="0" borderId="896" xfId="2" applyNumberFormat="1" applyFont="1" applyBorder="1" applyAlignment="1">
      <alignment vertical="center"/>
    </xf>
    <xf numFmtId="168" fontId="6" fillId="0" borderId="897" xfId="2" applyNumberFormat="1" applyFont="1" applyBorder="1" applyAlignment="1">
      <alignment vertical="center"/>
    </xf>
    <xf numFmtId="164" fontId="43" fillId="0" borderId="898" xfId="2" applyNumberFormat="1" applyFont="1" applyBorder="1" applyAlignment="1">
      <alignment vertical="center"/>
    </xf>
    <xf numFmtId="164" fontId="6" fillId="0" borderId="899" xfId="2" applyNumberFormat="1" applyFont="1" applyBorder="1" applyAlignment="1">
      <alignment vertical="center"/>
    </xf>
    <xf numFmtId="164" fontId="6" fillId="0" borderId="898" xfId="2" applyNumberFormat="1" applyFont="1" applyBorder="1" applyAlignment="1">
      <alignment vertical="center"/>
    </xf>
    <xf numFmtId="164" fontId="6" fillId="0" borderId="900" xfId="2" applyNumberFormat="1" applyFont="1" applyBorder="1" applyAlignment="1">
      <alignment vertical="center"/>
    </xf>
    <xf numFmtId="164" fontId="6" fillId="0" borderId="901" xfId="2" applyNumberFormat="1" applyFont="1" applyBorder="1" applyAlignment="1">
      <alignment vertical="center"/>
    </xf>
    <xf numFmtId="164" fontId="6" fillId="0" borderId="902" xfId="2" applyNumberFormat="1" applyFont="1" applyBorder="1" applyAlignment="1">
      <alignment vertical="center"/>
    </xf>
    <xf numFmtId="168" fontId="43" fillId="0" borderId="884" xfId="2" applyNumberFormat="1" applyFont="1" applyBorder="1" applyAlignment="1">
      <alignment vertical="center"/>
    </xf>
    <xf numFmtId="164" fontId="43" fillId="0" borderId="888" xfId="2" applyNumberFormat="1" applyFont="1" applyBorder="1" applyAlignment="1">
      <alignment vertical="center"/>
    </xf>
    <xf numFmtId="164" fontId="6" fillId="0" borderId="889" xfId="2" applyNumberFormat="1" applyFont="1" applyBorder="1" applyAlignment="1">
      <alignment vertical="center"/>
    </xf>
    <xf numFmtId="164" fontId="6" fillId="0" borderId="888" xfId="2" applyNumberFormat="1" applyFont="1" applyBorder="1" applyAlignment="1">
      <alignment vertical="center"/>
    </xf>
    <xf numFmtId="164" fontId="6" fillId="0" borderId="890" xfId="2" applyNumberFormat="1" applyFont="1" applyBorder="1" applyAlignment="1">
      <alignment vertical="center"/>
    </xf>
    <xf numFmtId="164" fontId="6" fillId="0" borderId="891" xfId="2" applyNumberFormat="1" applyFont="1" applyBorder="1" applyAlignment="1">
      <alignment vertical="center"/>
    </xf>
    <xf numFmtId="164" fontId="6" fillId="0" borderId="892" xfId="2" applyNumberFormat="1" applyFont="1" applyBorder="1" applyAlignment="1">
      <alignment vertical="center"/>
    </xf>
    <xf numFmtId="168" fontId="43" fillId="0" borderId="898" xfId="2" applyNumberFormat="1" applyFont="1" applyBorder="1" applyAlignment="1">
      <alignment vertical="center"/>
    </xf>
    <xf numFmtId="168" fontId="6" fillId="0" borderId="899" xfId="2" applyNumberFormat="1" applyFont="1" applyBorder="1" applyAlignment="1">
      <alignment vertical="center"/>
    </xf>
    <xf numFmtId="168" fontId="6" fillId="0" borderId="898" xfId="2" applyNumberFormat="1" applyFont="1" applyBorder="1" applyAlignment="1">
      <alignment vertical="center"/>
    </xf>
    <xf numFmtId="168" fontId="6" fillId="0" borderId="900" xfId="24" applyNumberFormat="1" applyFont="1" applyBorder="1" applyAlignment="1">
      <alignment vertical="center"/>
    </xf>
    <xf numFmtId="168" fontId="6" fillId="0" borderId="901" xfId="2" applyNumberFormat="1" applyFont="1" applyBorder="1" applyAlignment="1">
      <alignment vertical="center"/>
    </xf>
    <xf numFmtId="168" fontId="6" fillId="0" borderId="902" xfId="2" applyNumberFormat="1" applyFont="1" applyBorder="1" applyAlignment="1">
      <alignment vertical="center"/>
    </xf>
    <xf numFmtId="168" fontId="6" fillId="0" borderId="275" xfId="24" applyNumberFormat="1" applyFont="1" applyBorder="1" applyAlignment="1">
      <alignment vertical="center"/>
    </xf>
    <xf numFmtId="168" fontId="6" fillId="0" borderId="227" xfId="24" applyNumberFormat="1" applyFont="1" applyBorder="1" applyAlignment="1">
      <alignment vertical="center"/>
    </xf>
    <xf numFmtId="168" fontId="43" fillId="0" borderId="37" xfId="24" applyNumberFormat="1" applyFont="1" applyFill="1" applyBorder="1" applyAlignment="1">
      <alignment vertical="center"/>
    </xf>
    <xf numFmtId="168" fontId="6" fillId="0" borderId="37" xfId="24" applyNumberFormat="1" applyFont="1" applyFill="1" applyBorder="1" applyAlignment="1">
      <alignment vertical="center"/>
    </xf>
    <xf numFmtId="168" fontId="6" fillId="0" borderId="243" xfId="24" applyNumberFormat="1" applyFont="1" applyBorder="1" applyAlignment="1">
      <alignment vertical="center"/>
    </xf>
    <xf numFmtId="168" fontId="6" fillId="0" borderId="903" xfId="2" applyNumberFormat="1" applyFont="1" applyBorder="1" applyAlignment="1">
      <alignment vertical="center"/>
    </xf>
    <xf numFmtId="168" fontId="6" fillId="0" borderId="904" xfId="2" applyNumberFormat="1" applyFont="1" applyBorder="1" applyAlignment="1">
      <alignment vertical="center"/>
    </xf>
    <xf numFmtId="168" fontId="6" fillId="0" borderId="904" xfId="24" applyNumberFormat="1" applyFont="1" applyBorder="1" applyAlignment="1">
      <alignment vertical="center"/>
    </xf>
    <xf numFmtId="168" fontId="6" fillId="0" borderId="905" xfId="24" applyNumberFormat="1" applyFont="1" applyBorder="1" applyAlignment="1">
      <alignment vertical="center"/>
    </xf>
    <xf numFmtId="168" fontId="43" fillId="0" borderId="906" xfId="24" applyNumberFormat="1" applyFont="1" applyFill="1" applyBorder="1" applyAlignment="1">
      <alignment vertical="center"/>
    </xf>
    <xf numFmtId="168" fontId="6" fillId="0" borderId="906" xfId="24" applyNumberFormat="1" applyFont="1" applyFill="1" applyBorder="1" applyAlignment="1">
      <alignment vertical="center"/>
    </xf>
    <xf numFmtId="168" fontId="6" fillId="0" borderId="245" xfId="24" applyNumberFormat="1" applyFont="1" applyBorder="1" applyAlignment="1">
      <alignment vertical="center"/>
    </xf>
    <xf numFmtId="168" fontId="6" fillId="0" borderId="319" xfId="24" applyNumberFormat="1" applyFont="1" applyBorder="1" applyAlignment="1">
      <alignment vertical="center"/>
    </xf>
    <xf numFmtId="168" fontId="6" fillId="0" borderId="234" xfId="24" applyNumberFormat="1" applyFont="1" applyBorder="1" applyAlignment="1">
      <alignment vertical="center"/>
    </xf>
    <xf numFmtId="168" fontId="43" fillId="0" borderId="47" xfId="24" applyNumberFormat="1" applyFont="1" applyBorder="1" applyAlignment="1">
      <alignment vertical="center"/>
    </xf>
    <xf numFmtId="168" fontId="6" fillId="0" borderId="47" xfId="24" applyNumberFormat="1" applyFont="1" applyFill="1" applyBorder="1" applyAlignment="1">
      <alignment vertical="center"/>
    </xf>
    <xf numFmtId="168" fontId="6" fillId="0" borderId="248" xfId="24" applyNumberFormat="1" applyFont="1" applyBorder="1" applyAlignment="1">
      <alignment vertical="center"/>
    </xf>
    <xf numFmtId="168" fontId="6" fillId="0" borderId="907" xfId="2" applyNumberFormat="1" applyFont="1" applyBorder="1" applyAlignment="1">
      <alignment vertical="center"/>
    </xf>
    <xf numFmtId="168" fontId="6" fillId="0" borderId="908" xfId="2" applyNumberFormat="1" applyFont="1" applyBorder="1" applyAlignment="1">
      <alignment vertical="center"/>
    </xf>
    <xf numFmtId="168" fontId="6" fillId="0" borderId="908" xfId="24" applyNumberFormat="1" applyFont="1" applyBorder="1" applyAlignment="1">
      <alignment vertical="center"/>
    </xf>
    <xf numFmtId="168" fontId="6" fillId="0" borderId="909" xfId="24" applyNumberFormat="1" applyFont="1" applyBorder="1" applyAlignment="1">
      <alignment vertical="center"/>
    </xf>
    <xf numFmtId="168" fontId="43" fillId="0" borderId="910" xfId="24" applyNumberFormat="1" applyFont="1" applyBorder="1" applyAlignment="1">
      <alignment vertical="center"/>
    </xf>
    <xf numFmtId="168" fontId="6" fillId="0" borderId="910" xfId="24" applyNumberFormat="1" applyFont="1" applyFill="1" applyBorder="1" applyAlignment="1">
      <alignment vertical="center"/>
    </xf>
    <xf numFmtId="168" fontId="6" fillId="0" borderId="240" xfId="24" applyNumberFormat="1" applyFont="1" applyBorder="1" applyAlignment="1">
      <alignment vertical="center"/>
    </xf>
    <xf numFmtId="168" fontId="43" fillId="0" borderId="37" xfId="24" applyNumberFormat="1" applyFont="1" applyBorder="1" applyAlignment="1">
      <alignment vertical="center"/>
    </xf>
    <xf numFmtId="168" fontId="43" fillId="0" borderId="906" xfId="24" applyNumberFormat="1" applyFont="1" applyBorder="1" applyAlignment="1">
      <alignment vertical="center"/>
    </xf>
    <xf numFmtId="168" fontId="6" fillId="0" borderId="911" xfId="2" applyNumberFormat="1" applyFont="1" applyBorder="1" applyAlignment="1">
      <alignment vertical="center"/>
    </xf>
    <xf numFmtId="168" fontId="6" fillId="0" borderId="912" xfId="2" applyNumberFormat="1" applyFont="1" applyBorder="1" applyAlignment="1">
      <alignment vertical="center"/>
    </xf>
    <xf numFmtId="168" fontId="6" fillId="0" borderId="912" xfId="24" applyNumberFormat="1" applyFont="1" applyBorder="1" applyAlignment="1">
      <alignment vertical="center"/>
    </xf>
    <xf numFmtId="168" fontId="6" fillId="0" borderId="913" xfId="24" applyNumberFormat="1" applyFont="1" applyBorder="1" applyAlignment="1">
      <alignment vertical="center"/>
    </xf>
    <xf numFmtId="168" fontId="43" fillId="0" borderId="914" xfId="24" applyNumberFormat="1" applyFont="1" applyBorder="1" applyAlignment="1">
      <alignment vertical="center"/>
    </xf>
    <xf numFmtId="168" fontId="6" fillId="0" borderId="914" xfId="24" applyNumberFormat="1" applyFont="1" applyFill="1" applyBorder="1" applyAlignment="1">
      <alignment vertical="center"/>
    </xf>
    <xf numFmtId="168" fontId="6" fillId="0" borderId="246" xfId="24" applyNumberFormat="1" applyFont="1" applyBorder="1" applyAlignment="1">
      <alignment vertical="center"/>
    </xf>
    <xf numFmtId="168" fontId="6" fillId="0" borderId="232" xfId="24" applyNumberFormat="1" applyFont="1" applyBorder="1" applyAlignment="1">
      <alignment vertical="center"/>
    </xf>
    <xf numFmtId="168" fontId="43" fillId="0" borderId="42" xfId="24" applyNumberFormat="1" applyFont="1" applyBorder="1" applyAlignment="1">
      <alignment vertical="center"/>
    </xf>
    <xf numFmtId="168" fontId="6" fillId="0" borderId="42" xfId="24" applyNumberFormat="1" applyFont="1" applyFill="1" applyBorder="1" applyAlignment="1">
      <alignment vertical="center"/>
    </xf>
    <xf numFmtId="168" fontId="6" fillId="0" borderId="915" xfId="2" applyNumberFormat="1" applyFont="1" applyBorder="1" applyAlignment="1">
      <alignment vertical="center"/>
    </xf>
    <xf numFmtId="168" fontId="6" fillId="0" borderId="916" xfId="2" applyNumberFormat="1" applyFont="1" applyBorder="1" applyAlignment="1">
      <alignment vertical="center"/>
    </xf>
    <xf numFmtId="168" fontId="6" fillId="0" borderId="916" xfId="24" applyNumberFormat="1" applyFont="1" applyBorder="1" applyAlignment="1">
      <alignment vertical="center"/>
    </xf>
    <xf numFmtId="168" fontId="6" fillId="0" borderId="917" xfId="24" applyNumberFormat="1" applyFont="1" applyBorder="1" applyAlignment="1">
      <alignment vertical="center"/>
    </xf>
    <xf numFmtId="168" fontId="43" fillId="0" borderId="918" xfId="24" applyNumberFormat="1" applyFont="1" applyBorder="1" applyAlignment="1">
      <alignment vertical="center"/>
    </xf>
    <xf numFmtId="168" fontId="6" fillId="0" borderId="918" xfId="24" applyNumberFormat="1" applyFont="1" applyFill="1" applyBorder="1" applyAlignment="1">
      <alignment vertical="center"/>
    </xf>
    <xf numFmtId="168" fontId="6" fillId="0" borderId="414" xfId="24" applyNumberFormat="1" applyFont="1" applyBorder="1" applyAlignment="1">
      <alignment vertical="center"/>
    </xf>
    <xf numFmtId="168" fontId="6" fillId="0" borderId="919" xfId="2" applyNumberFormat="1" applyFont="1" applyBorder="1" applyAlignment="1">
      <alignment vertical="center"/>
    </xf>
    <xf numFmtId="168" fontId="6" fillId="0" borderId="920" xfId="2" applyNumberFormat="1" applyFont="1" applyBorder="1" applyAlignment="1">
      <alignment vertical="center"/>
    </xf>
    <xf numFmtId="168" fontId="6" fillId="0" borderId="920" xfId="24" applyNumberFormat="1" applyFont="1" applyBorder="1" applyAlignment="1">
      <alignment vertical="center"/>
    </xf>
    <xf numFmtId="168" fontId="6" fillId="0" borderId="921" xfId="24" applyNumberFormat="1" applyFont="1" applyBorder="1" applyAlignment="1">
      <alignment vertical="center"/>
    </xf>
    <xf numFmtId="168" fontId="43" fillId="0" borderId="922" xfId="24" applyNumberFormat="1" applyFont="1" applyFill="1" applyBorder="1" applyAlignment="1">
      <alignment vertical="center"/>
    </xf>
    <xf numFmtId="168" fontId="6" fillId="0" borderId="922" xfId="24" applyNumberFormat="1" applyFont="1" applyFill="1" applyBorder="1" applyAlignment="1">
      <alignment vertical="center"/>
    </xf>
    <xf numFmtId="168" fontId="43" fillId="0" borderId="341" xfId="2" applyNumberFormat="1" applyFont="1" applyBorder="1" applyAlignment="1">
      <alignment vertical="center"/>
    </xf>
    <xf numFmtId="168" fontId="6" fillId="0" borderId="923" xfId="2" applyNumberFormat="1" applyFont="1" applyBorder="1" applyAlignment="1">
      <alignment vertical="center"/>
    </xf>
    <xf numFmtId="168" fontId="6" fillId="0" borderId="924" xfId="2" applyNumberFormat="1" applyFont="1" applyBorder="1" applyAlignment="1">
      <alignment vertical="center"/>
    </xf>
    <xf numFmtId="168" fontId="6" fillId="0" borderId="341" xfId="24" applyNumberFormat="1" applyFont="1" applyBorder="1" applyAlignment="1">
      <alignment vertical="center"/>
    </xf>
    <xf numFmtId="168" fontId="6" fillId="0" borderId="925" xfId="24" applyNumberFormat="1" applyFont="1" applyBorder="1" applyAlignment="1">
      <alignment vertical="center"/>
    </xf>
    <xf numFmtId="168" fontId="43" fillId="0" borderId="926" xfId="2" applyNumberFormat="1" applyFont="1" applyBorder="1" applyAlignment="1">
      <alignment horizontal="right" vertical="center"/>
    </xf>
    <xf numFmtId="168" fontId="6" fillId="0" borderId="927" xfId="2" applyNumberFormat="1" applyFont="1" applyBorder="1" applyAlignment="1">
      <alignment horizontal="right" vertical="center"/>
    </xf>
    <xf numFmtId="168" fontId="6" fillId="0" borderId="928" xfId="2" applyNumberFormat="1" applyFont="1" applyBorder="1" applyAlignment="1">
      <alignment horizontal="right" vertical="center"/>
    </xf>
    <xf numFmtId="168" fontId="6" fillId="0" borderId="926" xfId="24" applyNumberFormat="1" applyFont="1" applyBorder="1" applyAlignment="1">
      <alignment horizontal="right" vertical="center"/>
    </xf>
    <xf numFmtId="168" fontId="6" fillId="0" borderId="926" xfId="2" applyNumberFormat="1" applyFont="1" applyBorder="1" applyAlignment="1">
      <alignment horizontal="right" vertical="center"/>
    </xf>
    <xf numFmtId="168" fontId="6" fillId="0" borderId="929" xfId="2" applyNumberFormat="1" applyFont="1" applyBorder="1" applyAlignment="1">
      <alignment horizontal="right" vertical="center"/>
    </xf>
    <xf numFmtId="168" fontId="43" fillId="0" borderId="930" xfId="2" applyNumberFormat="1" applyFont="1" applyBorder="1" applyAlignment="1">
      <alignment vertical="center"/>
    </xf>
    <xf numFmtId="168" fontId="6" fillId="0" borderId="931" xfId="2" applyNumberFormat="1" applyFont="1" applyBorder="1" applyAlignment="1">
      <alignment vertical="center"/>
    </xf>
    <xf numFmtId="168" fontId="6" fillId="0" borderId="932" xfId="2" applyNumberFormat="1" applyFont="1" applyBorder="1" applyAlignment="1">
      <alignment vertical="center"/>
    </xf>
    <xf numFmtId="168" fontId="6" fillId="0" borderId="930" xfId="24" applyNumberFormat="1" applyFont="1" applyBorder="1" applyAlignment="1">
      <alignment vertical="center"/>
    </xf>
    <xf numFmtId="168" fontId="6" fillId="0" borderId="933" xfId="24" applyNumberFormat="1" applyFont="1" applyBorder="1" applyAlignment="1">
      <alignment vertical="center"/>
    </xf>
    <xf numFmtId="168" fontId="43" fillId="0" borderId="934" xfId="2" applyNumberFormat="1" applyFont="1" applyBorder="1" applyAlignment="1">
      <alignment vertical="center"/>
    </xf>
    <xf numFmtId="168" fontId="6" fillId="0" borderId="935" xfId="2" applyNumberFormat="1" applyFont="1" applyBorder="1" applyAlignment="1">
      <alignment vertical="center"/>
    </xf>
    <xf numFmtId="168" fontId="6" fillId="0" borderId="936" xfId="2" applyNumberFormat="1" applyFont="1" applyBorder="1" applyAlignment="1">
      <alignment vertical="center"/>
    </xf>
    <xf numFmtId="168" fontId="6" fillId="0" borderId="934" xfId="2" applyNumberFormat="1" applyFont="1" applyBorder="1" applyAlignment="1">
      <alignment vertical="center"/>
    </xf>
    <xf numFmtId="168" fontId="6" fillId="0" borderId="937" xfId="2" applyNumberFormat="1" applyFont="1" applyBorder="1" applyAlignment="1">
      <alignment vertical="center"/>
    </xf>
    <xf numFmtId="0" fontId="15" fillId="23" borderId="938" xfId="2" applyFont="1" applyFill="1" applyBorder="1" applyAlignment="1">
      <alignment horizontal="left" vertical="center"/>
    </xf>
    <xf numFmtId="0" fontId="20" fillId="23" borderId="939" xfId="2" applyFont="1" applyFill="1" applyBorder="1" applyAlignment="1">
      <alignment horizontal="center" vertical="center"/>
    </xf>
    <xf numFmtId="0" fontId="20" fillId="23" borderId="938" xfId="2" applyFont="1" applyFill="1" applyBorder="1" applyAlignment="1">
      <alignment horizontal="center" vertical="center"/>
    </xf>
    <xf numFmtId="0" fontId="19" fillId="23" borderId="940" xfId="2" applyFont="1" applyFill="1" applyBorder="1" applyAlignment="1">
      <alignment horizontal="center" vertical="center"/>
    </xf>
    <xf numFmtId="0" fontId="19" fillId="23" borderId="939" xfId="2" applyFont="1" applyFill="1" applyBorder="1" applyAlignment="1">
      <alignment horizontal="center" vertical="center"/>
    </xf>
    <xf numFmtId="0" fontId="19" fillId="23" borderId="35" xfId="2" applyFont="1" applyFill="1" applyBorder="1" applyAlignment="1">
      <alignment horizontal="center" vertical="center"/>
    </xf>
    <xf numFmtId="0" fontId="15" fillId="23" borderId="941" xfId="2" applyFont="1" applyFill="1" applyBorder="1" applyAlignment="1">
      <alignment horizontal="left" vertical="center"/>
    </xf>
    <xf numFmtId="0" fontId="20" fillId="23" borderId="503" xfId="2" applyFont="1" applyFill="1" applyBorder="1" applyAlignment="1">
      <alignment horizontal="center" vertical="center"/>
    </xf>
    <xf numFmtId="0" fontId="19" fillId="23" borderId="941" xfId="2" applyFont="1" applyFill="1" applyBorder="1" applyAlignment="1">
      <alignment horizontal="center" vertical="center"/>
    </xf>
    <xf numFmtId="168" fontId="43" fillId="0" borderId="317" xfId="2" applyNumberFormat="1" applyFont="1" applyBorder="1" applyAlignment="1">
      <alignment horizontal="right" vertical="center"/>
    </xf>
    <xf numFmtId="168" fontId="6" fillId="0" borderId="944" xfId="2" applyNumberFormat="1" applyFont="1" applyBorder="1" applyAlignment="1">
      <alignment horizontal="right" vertical="center"/>
    </xf>
    <xf numFmtId="168" fontId="6" fillId="0" borderId="945" xfId="2" applyNumberFormat="1" applyFont="1" applyBorder="1" applyAlignment="1">
      <alignment horizontal="right" vertical="center"/>
    </xf>
    <xf numFmtId="168" fontId="6" fillId="0" borderId="946" xfId="2" applyNumberFormat="1" applyFont="1" applyBorder="1" applyAlignment="1">
      <alignment horizontal="right" vertical="center"/>
    </xf>
    <xf numFmtId="168" fontId="6" fillId="0" borderId="947" xfId="2" applyNumberFormat="1" applyFont="1" applyBorder="1" applyAlignment="1">
      <alignment horizontal="right" vertical="center"/>
    </xf>
    <xf numFmtId="168" fontId="6" fillId="0" borderId="948" xfId="2" applyNumberFormat="1" applyFont="1" applyBorder="1" applyAlignment="1">
      <alignment horizontal="right" vertical="center"/>
    </xf>
    <xf numFmtId="168" fontId="6" fillId="0" borderId="949" xfId="2" applyNumberFormat="1" applyFont="1" applyBorder="1" applyAlignment="1">
      <alignment horizontal="right" vertical="center"/>
    </xf>
    <xf numFmtId="168" fontId="6" fillId="0" borderId="950" xfId="2" applyNumberFormat="1" applyFont="1" applyBorder="1" applyAlignment="1">
      <alignment horizontal="right" vertical="center"/>
    </xf>
    <xf numFmtId="168" fontId="6" fillId="0" borderId="317" xfId="2" applyNumberFormat="1" applyFont="1" applyBorder="1" applyAlignment="1">
      <alignment horizontal="right" vertical="center"/>
    </xf>
    <xf numFmtId="168" fontId="6" fillId="0" borderId="951" xfId="2" applyNumberFormat="1" applyFont="1" applyBorder="1" applyAlignment="1">
      <alignment horizontal="right" vertical="center"/>
    </xf>
    <xf numFmtId="168" fontId="6" fillId="0" borderId="952" xfId="2" applyNumberFormat="1" applyFont="1" applyBorder="1" applyAlignment="1">
      <alignment horizontal="right" vertical="center"/>
    </xf>
    <xf numFmtId="164" fontId="43" fillId="0" borderId="317" xfId="2" applyNumberFormat="1" applyFont="1" applyBorder="1" applyAlignment="1">
      <alignment horizontal="right" vertical="center"/>
    </xf>
    <xf numFmtId="164" fontId="6" fillId="0" borderId="949" xfId="2" applyNumberFormat="1" applyFont="1" applyBorder="1" applyAlignment="1">
      <alignment horizontal="right" vertical="center"/>
    </xf>
    <xf numFmtId="164" fontId="6" fillId="0" borderId="950" xfId="2" applyNumberFormat="1" applyFont="1" applyBorder="1" applyAlignment="1">
      <alignment horizontal="right" vertical="center"/>
    </xf>
    <xf numFmtId="164" fontId="6" fillId="0" borderId="317" xfId="2" applyNumberFormat="1" applyFont="1" applyBorder="1" applyAlignment="1">
      <alignment horizontal="right" vertical="center"/>
    </xf>
    <xf numFmtId="164" fontId="6" fillId="0" borderId="951" xfId="2" applyNumberFormat="1" applyFont="1" applyBorder="1" applyAlignment="1">
      <alignment horizontal="right" vertical="center"/>
    </xf>
    <xf numFmtId="164" fontId="6" fillId="0" borderId="952" xfId="2" applyNumberFormat="1" applyFont="1" applyBorder="1" applyAlignment="1">
      <alignment horizontal="right" vertical="center"/>
    </xf>
    <xf numFmtId="171" fontId="43" fillId="0" borderId="317" xfId="2" applyNumberFormat="1" applyFont="1" applyBorder="1" applyAlignment="1">
      <alignment horizontal="right" vertical="center"/>
    </xf>
    <xf numFmtId="171" fontId="6" fillId="0" borderId="949" xfId="2" applyNumberFormat="1" applyFont="1" applyBorder="1" applyAlignment="1">
      <alignment horizontal="right" vertical="center"/>
    </xf>
    <xf numFmtId="171" fontId="6" fillId="0" borderId="950" xfId="2" applyNumberFormat="1" applyFont="1" applyBorder="1" applyAlignment="1">
      <alignment horizontal="right" vertical="center"/>
    </xf>
    <xf numFmtId="171" fontId="6" fillId="0" borderId="317" xfId="2" applyNumberFormat="1" applyFont="1" applyBorder="1" applyAlignment="1">
      <alignment horizontal="right" vertical="center"/>
    </xf>
    <xf numFmtId="171" fontId="6" fillId="0" borderId="951" xfId="2" applyNumberFormat="1" applyFont="1" applyBorder="1" applyAlignment="1">
      <alignment horizontal="right" vertical="center"/>
    </xf>
    <xf numFmtId="171" fontId="6" fillId="0" borderId="952" xfId="2" applyNumberFormat="1" applyFont="1" applyBorder="1" applyAlignment="1">
      <alignment horizontal="right" vertical="center"/>
    </xf>
    <xf numFmtId="172" fontId="43" fillId="0" borderId="317" xfId="2" applyNumberFormat="1" applyFont="1" applyBorder="1" applyAlignment="1">
      <alignment horizontal="right" vertical="center"/>
    </xf>
    <xf numFmtId="172" fontId="6" fillId="0" borderId="949" xfId="2" applyNumberFormat="1" applyFont="1" applyBorder="1" applyAlignment="1">
      <alignment horizontal="right" vertical="center"/>
    </xf>
    <xf numFmtId="172" fontId="6" fillId="0" borderId="950" xfId="2" applyNumberFormat="1" applyFont="1" applyBorder="1" applyAlignment="1">
      <alignment horizontal="right" vertical="center"/>
    </xf>
    <xf numFmtId="172" fontId="6" fillId="0" borderId="317" xfId="2" applyNumberFormat="1" applyFont="1" applyBorder="1" applyAlignment="1">
      <alignment horizontal="right" vertical="center"/>
    </xf>
    <xf numFmtId="172" fontId="6" fillId="0" borderId="951" xfId="2" applyNumberFormat="1" applyFont="1" applyBorder="1" applyAlignment="1">
      <alignment horizontal="right" vertical="center"/>
    </xf>
    <xf numFmtId="172" fontId="6" fillId="0" borderId="952" xfId="2" applyNumberFormat="1" applyFont="1" applyBorder="1" applyAlignment="1">
      <alignment horizontal="right" vertical="center"/>
    </xf>
    <xf numFmtId="169" fontId="43" fillId="0" borderId="317" xfId="2" applyNumberFormat="1" applyFont="1" applyBorder="1" applyAlignment="1">
      <alignment horizontal="right" vertical="center"/>
    </xf>
    <xf numFmtId="169" fontId="6" fillId="0" borderId="949" xfId="2" applyNumberFormat="1" applyFont="1" applyBorder="1" applyAlignment="1">
      <alignment horizontal="right" vertical="center"/>
    </xf>
    <xf numFmtId="169" fontId="6" fillId="0" borderId="950" xfId="2" applyNumberFormat="1" applyFont="1" applyBorder="1" applyAlignment="1">
      <alignment horizontal="right" vertical="center"/>
    </xf>
    <xf numFmtId="169" fontId="6" fillId="0" borderId="317" xfId="2" applyNumberFormat="1" applyFont="1" applyBorder="1" applyAlignment="1">
      <alignment horizontal="right" vertical="center"/>
    </xf>
    <xf numFmtId="168" fontId="6" fillId="0" borderId="953" xfId="2" applyNumberFormat="1" applyFont="1" applyBorder="1" applyAlignment="1">
      <alignment horizontal="right" vertical="center"/>
    </xf>
    <xf numFmtId="168" fontId="6" fillId="0" borderId="954" xfId="2" applyNumberFormat="1" applyFont="1" applyBorder="1" applyAlignment="1">
      <alignment horizontal="right" vertical="center"/>
    </xf>
    <xf numFmtId="168" fontId="6" fillId="0" borderId="955" xfId="2" applyNumberFormat="1" applyFont="1" applyBorder="1" applyAlignment="1">
      <alignment horizontal="right" vertical="center"/>
    </xf>
    <xf numFmtId="168" fontId="6" fillId="0" borderId="956" xfId="2" applyNumberFormat="1" applyFont="1" applyBorder="1" applyAlignment="1">
      <alignment horizontal="right" vertical="center"/>
    </xf>
    <xf numFmtId="168" fontId="26" fillId="0" borderId="2" xfId="2" applyNumberFormat="1" applyFont="1" applyBorder="1" applyAlignment="1">
      <alignment horizontal="right"/>
    </xf>
    <xf numFmtId="168" fontId="27" fillId="0" borderId="957" xfId="2" applyNumberFormat="1" applyFont="1" applyBorder="1"/>
    <xf numFmtId="168" fontId="27" fillId="0" borderId="958" xfId="2" applyNumberFormat="1" applyFont="1" applyBorder="1"/>
    <xf numFmtId="168" fontId="27" fillId="0" borderId="2" xfId="2" applyNumberFormat="1" applyFont="1" applyBorder="1"/>
    <xf numFmtId="168" fontId="27" fillId="0" borderId="958" xfId="24" applyNumberFormat="1" applyFont="1" applyBorder="1" applyAlignment="1"/>
    <xf numFmtId="168" fontId="27" fillId="0" borderId="2" xfId="24" applyNumberFormat="1" applyFont="1" applyBorder="1" applyAlignment="1"/>
    <xf numFmtId="168" fontId="27" fillId="0" borderId="959" xfId="24" applyNumberFormat="1" applyFont="1" applyBorder="1" applyAlignment="1"/>
    <xf numFmtId="168" fontId="27" fillId="0" borderId="958" xfId="24" applyNumberFormat="1" applyFont="1" applyBorder="1" applyAlignment="1">
      <alignment horizontal="right"/>
    </xf>
    <xf numFmtId="168" fontId="27" fillId="0" borderId="957" xfId="2" quotePrefix="1" applyNumberFormat="1" applyFont="1" applyBorder="1"/>
    <xf numFmtId="0" fontId="26" fillId="0" borderId="960" xfId="2" applyFont="1" applyBorder="1" applyAlignment="1">
      <alignment horizontal="right"/>
    </xf>
    <xf numFmtId="0" fontId="27" fillId="0" borderId="961" xfId="2" applyFont="1" applyBorder="1"/>
    <xf numFmtId="0" fontId="26" fillId="0" borderId="962" xfId="2" applyFont="1" applyBorder="1"/>
    <xf numFmtId="0" fontId="26" fillId="0" borderId="960" xfId="2" applyFont="1" applyBorder="1"/>
    <xf numFmtId="0" fontId="26" fillId="0" borderId="961" xfId="2" applyFont="1" applyBorder="1"/>
    <xf numFmtId="0" fontId="26" fillId="0" borderId="962" xfId="24" applyNumberFormat="1" applyFont="1" applyBorder="1" applyAlignment="1"/>
    <xf numFmtId="0" fontId="26" fillId="0" borderId="960" xfId="24" applyNumberFormat="1" applyFont="1" applyBorder="1" applyAlignment="1"/>
    <xf numFmtId="0" fontId="26" fillId="0" borderId="963" xfId="24" applyNumberFormat="1" applyFont="1" applyBorder="1" applyAlignment="1"/>
    <xf numFmtId="171" fontId="26" fillId="0" borderId="2" xfId="2" applyNumberFormat="1" applyFont="1" applyBorder="1" applyAlignment="1">
      <alignment horizontal="right"/>
    </xf>
    <xf numFmtId="171" fontId="27" fillId="0" borderId="957" xfId="2" applyNumberFormat="1" applyFont="1" applyBorder="1"/>
    <xf numFmtId="171" fontId="27" fillId="0" borderId="958" xfId="2" applyNumberFormat="1" applyFont="1" applyBorder="1"/>
    <xf numFmtId="171" fontId="27" fillId="0" borderId="2" xfId="2" applyNumberFormat="1" applyFont="1" applyBorder="1"/>
    <xf numFmtId="171" fontId="27" fillId="0" borderId="958" xfId="24" applyNumberFormat="1" applyFont="1" applyBorder="1" applyAlignment="1"/>
    <xf numFmtId="171" fontId="27" fillId="0" borderId="2" xfId="24" applyNumberFormat="1" applyFont="1" applyBorder="1" applyAlignment="1"/>
    <xf numFmtId="171" fontId="27" fillId="0" borderId="958" xfId="24" applyNumberFormat="1" applyFont="1" applyFill="1" applyBorder="1" applyAlignment="1"/>
    <xf numFmtId="171" fontId="27" fillId="0" borderId="959" xfId="24" applyNumberFormat="1" applyFont="1" applyFill="1" applyBorder="1" applyAlignment="1"/>
    <xf numFmtId="172" fontId="27" fillId="0" borderId="211" xfId="24" applyNumberFormat="1" applyFont="1" applyBorder="1" applyAlignment="1"/>
    <xf numFmtId="172" fontId="27" fillId="0" borderId="210" xfId="24" applyNumberFormat="1" applyFont="1" applyBorder="1" applyAlignment="1"/>
    <xf numFmtId="172" fontId="27" fillId="0" borderId="25" xfId="24" applyNumberFormat="1" applyFont="1" applyBorder="1" applyAlignment="1"/>
    <xf numFmtId="164" fontId="26" fillId="0" borderId="960" xfId="2" applyNumberFormat="1" applyFont="1" applyBorder="1" applyAlignment="1">
      <alignment horizontal="right"/>
    </xf>
    <xf numFmtId="164" fontId="27" fillId="0" borderId="961" xfId="2" applyNumberFormat="1" applyFont="1" applyBorder="1"/>
    <xf numFmtId="164" fontId="27" fillId="0" borderId="962" xfId="2" applyNumberFormat="1" applyFont="1" applyBorder="1"/>
    <xf numFmtId="164" fontId="27" fillId="0" borderId="960" xfId="2" applyNumberFormat="1" applyFont="1" applyBorder="1"/>
    <xf numFmtId="174" fontId="27" fillId="0" borderId="962" xfId="24" applyNumberFormat="1" applyFont="1" applyBorder="1" applyAlignment="1"/>
    <xf numFmtId="174" fontId="27" fillId="0" borderId="960" xfId="24" applyNumberFormat="1" applyFont="1" applyBorder="1" applyAlignment="1"/>
    <xf numFmtId="174" fontId="27" fillId="0" borderId="963" xfId="24" applyNumberFormat="1" applyFont="1" applyBorder="1" applyAlignment="1"/>
    <xf numFmtId="174" fontId="27" fillId="0" borderId="146" xfId="24" applyNumberFormat="1" applyFont="1" applyBorder="1" applyAlignment="1"/>
    <xf numFmtId="174" fontId="27" fillId="0" borderId="213" xfId="24" applyNumberFormat="1" applyFont="1" applyBorder="1" applyAlignment="1"/>
    <xf numFmtId="174" fontId="27" fillId="0" borderId="18" xfId="24" applyNumberFormat="1" applyFont="1" applyBorder="1" applyAlignment="1"/>
    <xf numFmtId="168" fontId="27" fillId="0" borderId="959" xfId="24" applyNumberFormat="1" applyFont="1" applyFill="1" applyBorder="1" applyAlignment="1"/>
    <xf numFmtId="168" fontId="27" fillId="0" borderId="958" xfId="24" applyNumberFormat="1" applyFont="1" applyFill="1" applyBorder="1" applyAlignment="1">
      <alignment horizontal="right"/>
    </xf>
    <xf numFmtId="171" fontId="27" fillId="0" borderId="2" xfId="24" applyNumberFormat="1" applyFont="1" applyFill="1" applyBorder="1" applyAlignment="1"/>
    <xf numFmtId="172" fontId="27" fillId="0" borderId="211" xfId="24" applyNumberFormat="1" applyFont="1" applyFill="1" applyBorder="1" applyAlignment="1"/>
    <xf numFmtId="172" fontId="27" fillId="0" borderId="25" xfId="24" applyNumberFormat="1" applyFont="1" applyFill="1" applyBorder="1" applyAlignment="1"/>
    <xf numFmtId="172" fontId="27" fillId="0" borderId="210" xfId="24" applyNumberFormat="1" applyFont="1" applyFill="1" applyBorder="1" applyAlignment="1"/>
    <xf numFmtId="168" fontId="27" fillId="0" borderId="959" xfId="24" applyNumberFormat="1" applyFont="1" applyBorder="1" applyAlignment="1">
      <alignment horizontal="right"/>
    </xf>
    <xf numFmtId="168" fontId="27" fillId="0" borderId="959" xfId="24" applyNumberFormat="1" applyFont="1" applyFill="1" applyBorder="1" applyAlignment="1">
      <alignment horizontal="right"/>
    </xf>
    <xf numFmtId="0" fontId="26" fillId="0" borderId="962" xfId="24" applyNumberFormat="1" applyFont="1" applyBorder="1" applyAlignment="1">
      <alignment horizontal="right"/>
    </xf>
    <xf numFmtId="0" fontId="26" fillId="0" borderId="963" xfId="24" applyNumberFormat="1" applyFont="1" applyBorder="1" applyAlignment="1">
      <alignment horizontal="right"/>
    </xf>
    <xf numFmtId="171" fontId="27" fillId="0" borderId="958" xfId="24" applyNumberFormat="1" applyFont="1" applyBorder="1" applyAlignment="1">
      <alignment horizontal="right"/>
    </xf>
    <xf numFmtId="171" fontId="27" fillId="0" borderId="959" xfId="24" applyNumberFormat="1" applyFont="1" applyBorder="1" applyAlignment="1">
      <alignment horizontal="right"/>
    </xf>
    <xf numFmtId="171" fontId="26" fillId="0" borderId="964" xfId="2" applyNumberFormat="1" applyFont="1" applyBorder="1" applyAlignment="1">
      <alignment horizontal="right"/>
    </xf>
    <xf numFmtId="171" fontId="27" fillId="0" borderId="965" xfId="2" applyNumberFormat="1" applyFont="1" applyBorder="1"/>
    <xf numFmtId="171" fontId="27" fillId="0" borderId="966" xfId="2" applyNumberFormat="1" applyFont="1" applyBorder="1"/>
    <xf numFmtId="171" fontId="27" fillId="0" borderId="964" xfId="2" applyNumberFormat="1" applyFont="1" applyBorder="1"/>
    <xf numFmtId="171" fontId="27" fillId="0" borderId="966" xfId="24" applyNumberFormat="1" applyFont="1" applyBorder="1" applyAlignment="1"/>
    <xf numFmtId="171" fontId="27" fillId="0" borderId="964" xfId="24" applyNumberFormat="1" applyFont="1" applyBorder="1" applyAlignment="1"/>
    <xf numFmtId="171" fontId="27" fillId="0" borderId="967" xfId="24" applyNumberFormat="1" applyFont="1" applyBorder="1" applyAlignment="1">
      <alignment horizontal="right"/>
    </xf>
    <xf numFmtId="168" fontId="27" fillId="0" borderId="78" xfId="24" applyNumberFormat="1" applyFont="1" applyFill="1" applyBorder="1" applyAlignment="1">
      <alignment vertical="center"/>
    </xf>
    <xf numFmtId="168" fontId="27" fillId="0" borderId="77" xfId="24" applyNumberFormat="1" applyFont="1" applyFill="1" applyBorder="1" applyAlignment="1">
      <alignment vertical="center"/>
    </xf>
    <xf numFmtId="168" fontId="27" fillId="0" borderId="76" xfId="24" applyNumberFormat="1" applyFont="1" applyFill="1" applyBorder="1" applyAlignment="1">
      <alignment vertical="center"/>
    </xf>
    <xf numFmtId="168" fontId="27" fillId="0" borderId="76" xfId="24" applyNumberFormat="1" applyFont="1" applyFill="1" applyBorder="1" applyAlignment="1">
      <alignment horizontal="right" vertical="center"/>
    </xf>
    <xf numFmtId="168" fontId="26" fillId="0" borderId="968" xfId="2" applyNumberFormat="1" applyFont="1" applyBorder="1" applyAlignment="1">
      <alignment horizontal="right" vertical="center"/>
    </xf>
    <xf numFmtId="168" fontId="27" fillId="0" borderId="969" xfId="2" applyNumberFormat="1" applyFont="1" applyBorder="1" applyAlignment="1">
      <alignment horizontal="right" vertical="center"/>
    </xf>
    <xf numFmtId="168" fontId="27" fillId="0" borderId="970" xfId="24" applyNumberFormat="1" applyFont="1" applyFill="1" applyBorder="1" applyAlignment="1">
      <alignment vertical="center"/>
    </xf>
    <xf numFmtId="168" fontId="27" fillId="0" borderId="968" xfId="24" applyNumberFormat="1" applyFont="1" applyFill="1" applyBorder="1" applyAlignment="1">
      <alignment vertical="center"/>
    </xf>
    <xf numFmtId="168" fontId="27" fillId="0" borderId="969" xfId="24" applyNumberFormat="1" applyFont="1" applyFill="1" applyBorder="1" applyAlignment="1">
      <alignment vertical="center"/>
    </xf>
    <xf numFmtId="168" fontId="27" fillId="0" borderId="969" xfId="24" applyNumberFormat="1" applyFont="1" applyFill="1" applyBorder="1" applyAlignment="1">
      <alignment horizontal="right" vertical="center"/>
    </xf>
    <xf numFmtId="168" fontId="27" fillId="0" borderId="970" xfId="2" applyNumberFormat="1" applyFont="1" applyBorder="1" applyAlignment="1">
      <alignment vertical="center"/>
    </xf>
    <xf numFmtId="168" fontId="27" fillId="0" borderId="968" xfId="2" applyNumberFormat="1" applyFont="1" applyBorder="1" applyAlignment="1">
      <alignment vertical="center"/>
    </xf>
    <xf numFmtId="168" fontId="27" fillId="0" borderId="969" xfId="2" applyNumberFormat="1" applyFont="1" applyBorder="1" applyAlignment="1">
      <alignment vertical="center"/>
    </xf>
    <xf numFmtId="171" fontId="26" fillId="0" borderId="971" xfId="2" applyNumberFormat="1" applyFont="1" applyBorder="1" applyAlignment="1">
      <alignment horizontal="right" vertical="center"/>
    </xf>
    <xf numFmtId="171" fontId="27" fillId="0" borderId="972" xfId="2" applyNumberFormat="1" applyFont="1" applyBorder="1" applyAlignment="1">
      <alignment horizontal="right" vertical="center"/>
    </xf>
    <xf numFmtId="171" fontId="27" fillId="0" borderId="973" xfId="2" applyNumberFormat="1" applyFont="1" applyBorder="1" applyAlignment="1">
      <alignment vertical="center"/>
    </xf>
    <xf numFmtId="171" fontId="27" fillId="0" borderId="971" xfId="2" applyNumberFormat="1" applyFont="1" applyBorder="1" applyAlignment="1">
      <alignment vertical="center"/>
    </xf>
    <xf numFmtId="171" fontId="27" fillId="0" borderId="972" xfId="2" applyNumberFormat="1" applyFont="1" applyBorder="1" applyAlignment="1">
      <alignment vertical="center"/>
    </xf>
    <xf numFmtId="171" fontId="27" fillId="0" borderId="973" xfId="24" applyNumberFormat="1" applyFont="1" applyFill="1" applyBorder="1" applyAlignment="1">
      <alignment vertical="center"/>
    </xf>
    <xf numFmtId="171" fontId="27" fillId="0" borderId="972" xfId="24" applyNumberFormat="1" applyFont="1" applyFill="1" applyBorder="1" applyAlignment="1">
      <alignment vertical="center"/>
    </xf>
    <xf numFmtId="171" fontId="27" fillId="0" borderId="971" xfId="24" applyNumberFormat="1" applyFont="1" applyFill="1" applyBorder="1" applyAlignment="1">
      <alignment vertical="center"/>
    </xf>
    <xf numFmtId="169" fontId="26" fillId="0" borderId="974" xfId="2" applyNumberFormat="1" applyFont="1" applyBorder="1" applyAlignment="1">
      <alignment horizontal="right" vertical="center"/>
    </xf>
    <xf numFmtId="169" fontId="27" fillId="0" borderId="969" xfId="2" applyNumberFormat="1" applyFont="1" applyBorder="1" applyAlignment="1">
      <alignment horizontal="right" vertical="center"/>
    </xf>
    <xf numFmtId="169" fontId="27" fillId="0" borderId="970" xfId="24" applyNumberFormat="1" applyFont="1" applyFill="1" applyBorder="1" applyAlignment="1">
      <alignment vertical="center"/>
    </xf>
    <xf numFmtId="169" fontId="27" fillId="0" borderId="968" xfId="24" applyNumberFormat="1" applyFont="1" applyFill="1" applyBorder="1" applyAlignment="1">
      <alignment vertical="center"/>
    </xf>
    <xf numFmtId="169" fontId="27" fillId="0" borderId="969" xfId="24" applyNumberFormat="1" applyFont="1" applyFill="1" applyBorder="1" applyAlignment="1">
      <alignment vertical="center"/>
    </xf>
    <xf numFmtId="169" fontId="27" fillId="0" borderId="970" xfId="24" applyNumberFormat="1" applyFont="1" applyFill="1" applyBorder="1" applyAlignment="1">
      <alignment horizontal="right" vertical="center"/>
    </xf>
    <xf numFmtId="169" fontId="27" fillId="0" borderId="84" xfId="24" applyNumberFormat="1" applyFont="1" applyFill="1" applyBorder="1" applyAlignment="1">
      <alignment horizontal="right" vertical="center"/>
    </xf>
    <xf numFmtId="185" fontId="26" fillId="0" borderId="968" xfId="2" applyNumberFormat="1" applyFont="1" applyBorder="1" applyAlignment="1">
      <alignment horizontal="right" vertical="center"/>
    </xf>
    <xf numFmtId="185" fontId="27" fillId="0" borderId="969" xfId="2" applyNumberFormat="1" applyFont="1" applyBorder="1" applyAlignment="1">
      <alignment horizontal="right" vertical="center"/>
    </xf>
    <xf numFmtId="185" fontId="27" fillId="0" borderId="970" xfId="24" applyNumberFormat="1" applyFont="1" applyFill="1" applyBorder="1" applyAlignment="1">
      <alignment vertical="center"/>
    </xf>
    <xf numFmtId="185" fontId="27" fillId="0" borderId="968" xfId="24" applyNumberFormat="1" applyFont="1" applyFill="1" applyBorder="1" applyAlignment="1">
      <alignment vertical="center"/>
    </xf>
    <xf numFmtId="185" fontId="27" fillId="0" borderId="969" xfId="24" applyNumberFormat="1" applyFont="1" applyFill="1" applyBorder="1" applyAlignment="1">
      <alignment vertical="center"/>
    </xf>
    <xf numFmtId="185" fontId="27" fillId="0" borderId="970" xfId="24" applyNumberFormat="1" applyFont="1" applyFill="1" applyBorder="1" applyAlignment="1">
      <alignment horizontal="right" vertical="center"/>
    </xf>
    <xf numFmtId="169" fontId="27" fillId="0" borderId="76" xfId="24" applyNumberFormat="1" applyFont="1" applyFill="1" applyBorder="1" applyAlignment="1">
      <alignment horizontal="right" vertical="center"/>
    </xf>
    <xf numFmtId="169" fontId="26" fillId="0" borderId="968" xfId="2" applyNumberFormat="1" applyFont="1" applyBorder="1" applyAlignment="1">
      <alignment horizontal="right" vertical="center"/>
    </xf>
    <xf numFmtId="169" fontId="19" fillId="0" borderId="969" xfId="24" applyNumberFormat="1" applyFont="1" applyFill="1" applyBorder="1" applyAlignment="1">
      <alignment horizontal="right" vertical="center"/>
    </xf>
    <xf numFmtId="169" fontId="27" fillId="0" borderId="969" xfId="24" applyNumberFormat="1" applyFont="1" applyFill="1" applyBorder="1" applyAlignment="1">
      <alignment horizontal="right" vertical="center"/>
    </xf>
    <xf numFmtId="171" fontId="26" fillId="0" borderId="968" xfId="2" applyNumberFormat="1" applyFont="1" applyBorder="1" applyAlignment="1">
      <alignment horizontal="right" vertical="center"/>
    </xf>
    <xf numFmtId="171" fontId="27" fillId="0" borderId="969" xfId="2" applyNumberFormat="1" applyFont="1" applyBorder="1" applyAlignment="1">
      <alignment horizontal="right" vertical="center"/>
    </xf>
    <xf numFmtId="171" fontId="27" fillId="0" borderId="970" xfId="24" applyNumberFormat="1" applyFont="1" applyFill="1" applyBorder="1" applyAlignment="1">
      <alignment vertical="center"/>
    </xf>
    <xf numFmtId="171" fontId="27" fillId="0" borderId="968" xfId="24" applyNumberFormat="1" applyFont="1" applyFill="1" applyBorder="1" applyAlignment="1">
      <alignment vertical="center"/>
    </xf>
    <xf numFmtId="171" fontId="19" fillId="0" borderId="969" xfId="24" applyNumberFormat="1" applyFont="1" applyFill="1" applyBorder="1" applyAlignment="1">
      <alignment vertical="center"/>
    </xf>
    <xf numFmtId="171" fontId="27" fillId="0" borderId="970" xfId="24" applyNumberFormat="1" applyFont="1" applyFill="1" applyBorder="1" applyAlignment="1">
      <alignment horizontal="right" vertical="center"/>
    </xf>
    <xf numFmtId="171" fontId="27" fillId="0" borderId="969" xfId="24" applyNumberFormat="1" applyFont="1" applyFill="1" applyBorder="1" applyAlignment="1">
      <alignment horizontal="right" vertical="center"/>
    </xf>
    <xf numFmtId="171" fontId="27" fillId="0" borderId="969" xfId="24" applyNumberFormat="1" applyFont="1" applyFill="1" applyBorder="1" applyAlignment="1">
      <alignment vertical="center"/>
    </xf>
    <xf numFmtId="171" fontId="27" fillId="0" borderId="970" xfId="2" applyNumberFormat="1" applyFont="1" applyBorder="1" applyAlignment="1">
      <alignment vertical="center"/>
    </xf>
    <xf numFmtId="171" fontId="27" fillId="0" borderId="969" xfId="2" applyNumberFormat="1" applyFont="1" applyBorder="1" applyAlignment="1">
      <alignment vertical="center"/>
    </xf>
    <xf numFmtId="171" fontId="27" fillId="0" borderId="968" xfId="2" applyNumberFormat="1" applyFont="1" applyBorder="1" applyAlignment="1">
      <alignment vertical="center"/>
    </xf>
    <xf numFmtId="171" fontId="26" fillId="0" borderId="975" xfId="2" applyNumberFormat="1" applyFont="1" applyBorder="1" applyAlignment="1">
      <alignment horizontal="right" vertical="center"/>
    </xf>
    <xf numFmtId="171" fontId="27" fillId="0" borderId="976" xfId="2" applyNumberFormat="1" applyFont="1" applyBorder="1" applyAlignment="1">
      <alignment horizontal="right" vertical="center"/>
    </xf>
    <xf numFmtId="171" fontId="27" fillId="0" borderId="977" xfId="24" applyNumberFormat="1" applyFont="1" applyFill="1" applyBorder="1" applyAlignment="1">
      <alignment vertical="center"/>
    </xf>
    <xf numFmtId="171" fontId="27" fillId="0" borderId="975" xfId="24" applyNumberFormat="1" applyFont="1" applyFill="1" applyBorder="1" applyAlignment="1">
      <alignment vertical="center"/>
    </xf>
    <xf numFmtId="171" fontId="27" fillId="0" borderId="976" xfId="24" applyNumberFormat="1" applyFont="1" applyFill="1" applyBorder="1" applyAlignment="1">
      <alignment vertical="center"/>
    </xf>
    <xf numFmtId="168" fontId="27" fillId="0" borderId="114" xfId="24" applyNumberFormat="1" applyFont="1" applyFill="1" applyBorder="1" applyAlignment="1">
      <alignment vertical="center"/>
    </xf>
    <xf numFmtId="168" fontId="27" fillId="0" borderId="113" xfId="24" applyNumberFormat="1" applyFont="1" applyFill="1" applyBorder="1" applyAlignment="1">
      <alignment vertical="center"/>
    </xf>
    <xf numFmtId="168" fontId="27" fillId="0" borderId="84" xfId="24" applyNumberFormat="1" applyFont="1" applyFill="1" applyBorder="1" applyAlignment="1">
      <alignment vertical="center"/>
    </xf>
    <xf numFmtId="171" fontId="27" fillId="0" borderId="971" xfId="2" applyNumberFormat="1" applyFont="1" applyBorder="1" applyAlignment="1">
      <alignment horizontal="right" vertical="center"/>
    </xf>
    <xf numFmtId="171" fontId="27" fillId="0" borderId="82" xfId="24" applyNumberFormat="1" applyFont="1" applyFill="1" applyBorder="1" applyAlignment="1">
      <alignment vertical="center"/>
    </xf>
    <xf numFmtId="171" fontId="27" fillId="0" borderId="81" xfId="24" applyNumberFormat="1" applyFont="1" applyFill="1" applyBorder="1" applyAlignment="1">
      <alignment vertical="center"/>
    </xf>
    <xf numFmtId="171" fontId="27" fillId="0" borderId="80" xfId="24" applyNumberFormat="1" applyFont="1" applyFill="1" applyBorder="1" applyAlignment="1">
      <alignment vertical="center"/>
    </xf>
    <xf numFmtId="164" fontId="26" fillId="0" borderId="971" xfId="2" applyNumberFormat="1" applyFont="1" applyBorder="1" applyAlignment="1">
      <alignment horizontal="right" vertical="center"/>
    </xf>
    <xf numFmtId="164" fontId="27" fillId="0" borderId="972" xfId="2" applyNumberFormat="1" applyFont="1" applyBorder="1" applyAlignment="1">
      <alignment horizontal="right" vertical="center"/>
    </xf>
    <xf numFmtId="174" fontId="27" fillId="0" borderId="973" xfId="24" applyNumberFormat="1" applyFont="1" applyFill="1" applyBorder="1" applyAlignment="1">
      <alignment vertical="center"/>
    </xf>
    <xf numFmtId="174" fontId="27" fillId="0" borderId="971" xfId="24" applyNumberFormat="1" applyFont="1" applyFill="1" applyBorder="1" applyAlignment="1">
      <alignment vertical="center"/>
    </xf>
    <xf numFmtId="174" fontId="27" fillId="0" borderId="972" xfId="24" applyNumberFormat="1" applyFont="1" applyFill="1" applyBorder="1" applyAlignment="1">
      <alignment vertical="center"/>
    </xf>
    <xf numFmtId="168" fontId="26" fillId="0" borderId="978" xfId="24" applyNumberFormat="1" applyFont="1" applyFill="1" applyBorder="1" applyAlignment="1">
      <alignment vertical="center"/>
    </xf>
    <xf numFmtId="168" fontId="27" fillId="0" borderId="979" xfId="24" applyNumberFormat="1" applyFont="1" applyFill="1" applyBorder="1" applyAlignment="1">
      <alignment vertical="center"/>
    </xf>
    <xf numFmtId="168" fontId="27" fillId="0" borderId="980" xfId="24" applyNumberFormat="1" applyFont="1" applyFill="1" applyBorder="1" applyAlignment="1">
      <alignment vertical="center"/>
    </xf>
    <xf numFmtId="168" fontId="27" fillId="0" borderId="978" xfId="24" applyNumberFormat="1" applyFont="1" applyFill="1" applyBorder="1" applyAlignment="1">
      <alignment vertical="center"/>
    </xf>
    <xf numFmtId="168" fontId="27" fillId="0" borderId="461" xfId="24" applyNumberFormat="1" applyFont="1" applyFill="1" applyBorder="1" applyAlignment="1">
      <alignment vertical="center"/>
    </xf>
    <xf numFmtId="168" fontId="27" fillId="0" borderId="981" xfId="24" applyNumberFormat="1" applyFont="1" applyFill="1" applyBorder="1" applyAlignment="1">
      <alignment vertical="center"/>
    </xf>
    <xf numFmtId="168" fontId="27" fillId="0" borderId="982" xfId="24" applyNumberFormat="1" applyFont="1" applyFill="1" applyBorder="1" applyAlignment="1">
      <alignment vertical="center"/>
    </xf>
    <xf numFmtId="168" fontId="26" fillId="0" borderId="978" xfId="20" applyNumberFormat="1" applyFont="1" applyFill="1" applyBorder="1" applyAlignment="1">
      <alignment vertical="center"/>
    </xf>
    <xf numFmtId="168" fontId="27" fillId="0" borderId="979" xfId="20" applyNumberFormat="1" applyFont="1" applyFill="1" applyBorder="1" applyAlignment="1">
      <alignment vertical="center"/>
    </xf>
    <xf numFmtId="168" fontId="27" fillId="0" borderId="980" xfId="20" applyNumberFormat="1" applyFont="1" applyFill="1" applyBorder="1" applyAlignment="1">
      <alignment vertical="center"/>
    </xf>
    <xf numFmtId="168" fontId="27" fillId="0" borderId="978" xfId="20" applyNumberFormat="1" applyFont="1" applyFill="1" applyBorder="1" applyAlignment="1">
      <alignment vertical="center"/>
    </xf>
    <xf numFmtId="168" fontId="27" fillId="0" borderId="981" xfId="20" applyNumberFormat="1" applyFont="1" applyFill="1" applyBorder="1" applyAlignment="1">
      <alignment vertical="center"/>
    </xf>
    <xf numFmtId="168" fontId="27" fillId="0" borderId="982" xfId="20" applyNumberFormat="1" applyFont="1" applyFill="1" applyBorder="1" applyAlignment="1">
      <alignment vertical="center"/>
    </xf>
    <xf numFmtId="168" fontId="27" fillId="0" borderId="980" xfId="19" applyNumberFormat="1" applyFont="1" applyBorder="1" applyAlignment="1">
      <alignment vertical="center"/>
    </xf>
    <xf numFmtId="168" fontId="27" fillId="0" borderId="982" xfId="19" applyNumberFormat="1" applyFont="1" applyBorder="1" applyAlignment="1">
      <alignment vertical="center"/>
    </xf>
    <xf numFmtId="169" fontId="26" fillId="0" borderId="978" xfId="20" applyNumberFormat="1" applyFont="1" applyFill="1" applyBorder="1" applyAlignment="1">
      <alignment vertical="center"/>
    </xf>
    <xf numFmtId="169" fontId="27" fillId="0" borderId="979" xfId="20" applyNumberFormat="1" applyFont="1" applyFill="1" applyBorder="1" applyAlignment="1">
      <alignment vertical="center"/>
    </xf>
    <xf numFmtId="169" fontId="27" fillId="0" borderId="980" xfId="20" applyNumberFormat="1" applyFont="1" applyFill="1" applyBorder="1" applyAlignment="1">
      <alignment vertical="center"/>
    </xf>
    <xf numFmtId="169" fontId="27" fillId="0" borderId="978" xfId="20" applyNumberFormat="1" applyFont="1" applyFill="1" applyBorder="1" applyAlignment="1">
      <alignment vertical="center"/>
    </xf>
    <xf numFmtId="169" fontId="27" fillId="0" borderId="981" xfId="20" applyNumberFormat="1" applyFont="1" applyFill="1" applyBorder="1" applyAlignment="1">
      <alignment vertical="center"/>
    </xf>
    <xf numFmtId="169" fontId="27" fillId="0" borderId="982" xfId="20" applyNumberFormat="1" applyFont="1" applyFill="1" applyBorder="1" applyAlignment="1">
      <alignment vertical="center"/>
    </xf>
    <xf numFmtId="170" fontId="20" fillId="0" borderId="983" xfId="2" applyNumberFormat="1" applyFont="1" applyBorder="1" applyAlignment="1">
      <alignment horizontal="right" vertical="center"/>
    </xf>
    <xf numFmtId="170" fontId="19" fillId="0" borderId="984" xfId="2" applyNumberFormat="1" applyFont="1" applyBorder="1" applyAlignment="1">
      <alignment horizontal="right" vertical="center"/>
    </xf>
    <xf numFmtId="170" fontId="19" fillId="0" borderId="985" xfId="2" applyNumberFormat="1" applyFont="1" applyBorder="1" applyAlignment="1">
      <alignment horizontal="right" vertical="center"/>
    </xf>
    <xf numFmtId="170" fontId="19" fillId="0" borderId="983" xfId="2" applyNumberFormat="1" applyFont="1" applyBorder="1" applyAlignment="1">
      <alignment horizontal="right" vertical="center"/>
    </xf>
    <xf numFmtId="164" fontId="19" fillId="0" borderId="983" xfId="2" applyNumberFormat="1" applyFont="1" applyBorder="1" applyAlignment="1">
      <alignment horizontal="right" vertical="center"/>
    </xf>
    <xf numFmtId="164" fontId="19" fillId="0" borderId="985" xfId="2" applyNumberFormat="1" applyFont="1" applyBorder="1" applyAlignment="1">
      <alignment horizontal="right" vertical="center"/>
    </xf>
    <xf numFmtId="164" fontId="19" fillId="0" borderId="986" xfId="2" applyNumberFormat="1" applyFont="1" applyBorder="1" applyAlignment="1">
      <alignment horizontal="right" vertical="center"/>
    </xf>
    <xf numFmtId="164" fontId="19" fillId="0" borderId="987" xfId="2" quotePrefix="1" applyNumberFormat="1" applyFont="1" applyBorder="1" applyAlignment="1">
      <alignment horizontal="right" vertical="center"/>
    </xf>
    <xf numFmtId="169" fontId="26" fillId="0" borderId="988" xfId="20" applyNumberFormat="1" applyFont="1" applyFill="1" applyBorder="1" applyAlignment="1">
      <alignment vertical="center"/>
    </xf>
    <xf numFmtId="169" fontId="27" fillId="0" borderId="989" xfId="20" applyNumberFormat="1" applyFont="1" applyFill="1" applyBorder="1" applyAlignment="1">
      <alignment vertical="center"/>
    </xf>
    <xf numFmtId="169" fontId="27" fillId="0" borderId="990" xfId="24" applyNumberFormat="1" applyFont="1" applyFill="1" applyBorder="1" applyAlignment="1">
      <alignment vertical="center"/>
    </xf>
    <xf numFmtId="169" fontId="27" fillId="0" borderId="988" xfId="24" applyNumberFormat="1" applyFont="1" applyFill="1" applyBorder="1" applyAlignment="1">
      <alignment vertical="center"/>
    </xf>
    <xf numFmtId="169" fontId="27" fillId="0" borderId="989" xfId="24" applyNumberFormat="1" applyFont="1" applyFill="1" applyBorder="1" applyAlignment="1">
      <alignment vertical="center"/>
    </xf>
    <xf numFmtId="169" fontId="27" fillId="0" borderId="465" xfId="24" applyNumberFormat="1" applyFont="1" applyFill="1" applyBorder="1" applyAlignment="1">
      <alignment vertical="center"/>
    </xf>
    <xf numFmtId="169" fontId="27" fillId="0" borderId="991" xfId="24" applyNumberFormat="1" applyFont="1" applyFill="1" applyBorder="1" applyAlignment="1">
      <alignment vertical="center"/>
    </xf>
    <xf numFmtId="169" fontId="27" fillId="0" borderId="992" xfId="24" applyNumberFormat="1" applyFont="1" applyFill="1" applyBorder="1" applyAlignment="1">
      <alignment vertical="center"/>
    </xf>
    <xf numFmtId="16" fontId="35" fillId="4" borderId="52" xfId="2" quotePrefix="1" applyNumberFormat="1" applyFont="1" applyFill="1" applyBorder="1" applyAlignment="1">
      <alignment horizontal="right" vertical="center"/>
    </xf>
    <xf numFmtId="0" fontId="44" fillId="0" borderId="440" xfId="2" applyFont="1" applyFill="1" applyBorder="1" applyAlignment="1">
      <alignment horizontal="left" vertical="center"/>
    </xf>
    <xf numFmtId="0" fontId="17" fillId="0" borderId="440" xfId="2" applyFont="1" applyFill="1" applyBorder="1" applyAlignment="1">
      <alignment horizontal="left" vertical="center"/>
    </xf>
    <xf numFmtId="176" fontId="20" fillId="0" borderId="246" xfId="24" applyNumberFormat="1" applyFont="1" applyFill="1" applyBorder="1" applyAlignment="1">
      <alignment horizontal="right" vertical="center"/>
    </xf>
    <xf numFmtId="0" fontId="17" fillId="0" borderId="84" xfId="2" applyFont="1" applyFill="1" applyBorder="1" applyAlignment="1">
      <alignment horizontal="left" vertical="center"/>
    </xf>
    <xf numFmtId="171" fontId="27" fillId="0" borderId="966" xfId="24" applyNumberFormat="1" applyFont="1" applyFill="1" applyBorder="1" applyAlignment="1">
      <alignment horizontal="right"/>
    </xf>
    <xf numFmtId="0" fontId="12" fillId="0" borderId="0" xfId="0" applyFont="1" applyAlignment="1">
      <alignment horizontal="right" wrapText="1"/>
    </xf>
    <xf numFmtId="0" fontId="14" fillId="0" borderId="0" xfId="3" applyFont="1" applyBorder="1" applyAlignment="1">
      <alignment horizontal="right" vertical="center"/>
    </xf>
    <xf numFmtId="0" fontId="11" fillId="0" borderId="0" xfId="0" applyFont="1" applyAlignment="1">
      <alignment horizontal="right" vertical="center"/>
    </xf>
    <xf numFmtId="0" fontId="7" fillId="0" borderId="0" xfId="0" applyFont="1" applyAlignment="1">
      <alignment horizontal="right" vertical="center"/>
    </xf>
    <xf numFmtId="0" fontId="7" fillId="0" borderId="0" xfId="0" applyFont="1" applyAlignment="1">
      <alignment horizontal="right"/>
    </xf>
    <xf numFmtId="0" fontId="8" fillId="0" borderId="0" xfId="0" applyFont="1" applyAlignment="1">
      <alignment horizontal="right"/>
    </xf>
    <xf numFmtId="0" fontId="9" fillId="0" borderId="0" xfId="0" applyFont="1" applyAlignment="1">
      <alignment horizontal="right" vertical="center"/>
    </xf>
    <xf numFmtId="0" fontId="10" fillId="0" borderId="0" xfId="0" applyFont="1" applyAlignment="1">
      <alignment horizontal="right" vertical="center"/>
    </xf>
    <xf numFmtId="0" fontId="3" fillId="0" borderId="0" xfId="0" applyFont="1" applyAlignment="1">
      <alignment horizontal="left" vertical="top" wrapText="1"/>
    </xf>
    <xf numFmtId="0" fontId="6" fillId="0" borderId="0" xfId="2" applyFont="1" applyAlignment="1">
      <alignment horizontal="left" vertical="top" wrapText="1"/>
    </xf>
    <xf numFmtId="0" fontId="20" fillId="0" borderId="0" xfId="2" applyFont="1" applyAlignment="1">
      <alignment horizontal="left"/>
    </xf>
    <xf numFmtId="0" fontId="43" fillId="0" borderId="0" xfId="2" applyFont="1" applyAlignment="1">
      <alignment horizontal="left" vertical="top" wrapText="1"/>
    </xf>
    <xf numFmtId="0" fontId="24" fillId="2" borderId="0" xfId="2" applyFont="1" applyFill="1" applyAlignment="1">
      <alignment horizontal="left" vertical="center"/>
    </xf>
    <xf numFmtId="0" fontId="35" fillId="0" borderId="0" xfId="2" quotePrefix="1" applyFont="1" applyAlignment="1">
      <alignment horizontal="left" vertical="center"/>
    </xf>
    <xf numFmtId="0" fontId="35" fillId="0" borderId="0" xfId="2" applyFont="1" applyAlignment="1">
      <alignment horizontal="left" vertical="center"/>
    </xf>
    <xf numFmtId="0" fontId="28" fillId="0" borderId="0" xfId="2" applyFont="1" applyAlignment="1">
      <alignment horizontal="left" vertical="center"/>
    </xf>
    <xf numFmtId="0" fontId="23" fillId="0" borderId="469" xfId="2" applyFont="1" applyBorder="1" applyAlignment="1">
      <alignment horizontal="left" vertical="top" wrapText="1"/>
    </xf>
    <xf numFmtId="0" fontId="3" fillId="0" borderId="4" xfId="2" applyFont="1" applyBorder="1" applyAlignment="1">
      <alignment horizontal="center" vertical="center"/>
    </xf>
    <xf numFmtId="0" fontId="3" fillId="0" borderId="5" xfId="2" applyFont="1" applyBorder="1" applyAlignment="1">
      <alignment horizontal="center" vertical="center"/>
    </xf>
    <xf numFmtId="0" fontId="23" fillId="0" borderId="6" xfId="2" applyFont="1" applyBorder="1" applyAlignment="1">
      <alignment horizontal="center" vertical="center"/>
    </xf>
    <xf numFmtId="0" fontId="23" fillId="0" borderId="4" xfId="2" applyFont="1" applyBorder="1" applyAlignment="1">
      <alignment horizontal="center" vertical="center"/>
    </xf>
    <xf numFmtId="0" fontId="23" fillId="0" borderId="5" xfId="2" applyFont="1" applyBorder="1" applyAlignment="1">
      <alignment horizontal="center" vertical="center"/>
    </xf>
    <xf numFmtId="0" fontId="23" fillId="0" borderId="16" xfId="2" applyFont="1" applyBorder="1" applyAlignment="1">
      <alignment horizontal="center" vertical="center" wrapText="1"/>
    </xf>
    <xf numFmtId="0" fontId="23" fillId="0" borderId="3" xfId="2" applyFont="1" applyBorder="1" applyAlignment="1">
      <alignment horizontal="center" vertical="center" wrapText="1"/>
    </xf>
    <xf numFmtId="0" fontId="28" fillId="0" borderId="470" xfId="2" applyFont="1" applyBorder="1" applyAlignment="1">
      <alignment horizontal="left" vertical="center"/>
    </xf>
    <xf numFmtId="0" fontId="28" fillId="0" borderId="471" xfId="2" applyFont="1" applyBorder="1" applyAlignment="1">
      <alignment horizontal="center" vertical="center"/>
    </xf>
    <xf numFmtId="0" fontId="28" fillId="0" borderId="472" xfId="2" applyFont="1" applyBorder="1" applyAlignment="1">
      <alignment horizontal="center" vertical="center"/>
    </xf>
    <xf numFmtId="0" fontId="28" fillId="0" borderId="473" xfId="2" applyFont="1" applyBorder="1" applyAlignment="1">
      <alignment horizontal="center" vertical="center"/>
    </xf>
    <xf numFmtId="0" fontId="3" fillId="0" borderId="471" xfId="2" applyFont="1" applyBorder="1" applyAlignment="1">
      <alignment horizontal="center" vertical="center"/>
    </xf>
    <xf numFmtId="0" fontId="3" fillId="0" borderId="472" xfId="2" applyFont="1" applyBorder="1" applyAlignment="1">
      <alignment horizontal="center" vertical="center"/>
    </xf>
    <xf numFmtId="0" fontId="36" fillId="0" borderId="0" xfId="4" applyFont="1" applyAlignment="1">
      <alignment vertical="center"/>
    </xf>
    <xf numFmtId="0" fontId="36" fillId="4" borderId="58" xfId="2" applyFont="1" applyFill="1" applyBorder="1" applyAlignment="1">
      <alignment horizontal="left" vertical="center" wrapText="1"/>
    </xf>
    <xf numFmtId="0" fontId="36" fillId="4" borderId="55" xfId="2" applyFont="1" applyFill="1" applyBorder="1" applyAlignment="1">
      <alignment horizontal="left" vertical="center" wrapText="1"/>
    </xf>
    <xf numFmtId="0" fontId="34" fillId="0" borderId="194" xfId="2" applyFont="1" applyBorder="1" applyAlignment="1">
      <alignment horizontal="left" vertical="center"/>
    </xf>
    <xf numFmtId="0" fontId="23" fillId="0" borderId="0" xfId="2" applyFont="1" applyAlignment="1">
      <alignment horizontal="left" vertical="center" wrapText="1"/>
    </xf>
    <xf numFmtId="0" fontId="41" fillId="4" borderId="474" xfId="2" applyFont="1" applyFill="1" applyBorder="1" applyAlignment="1">
      <alignment horizontal="left" vertical="center" wrapText="1"/>
    </xf>
    <xf numFmtId="0" fontId="41" fillId="4" borderId="475" xfId="2" applyFont="1" applyFill="1" applyBorder="1" applyAlignment="1">
      <alignment horizontal="left" vertical="center" wrapText="1"/>
    </xf>
    <xf numFmtId="0" fontId="41" fillId="4" borderId="29" xfId="2" applyFont="1" applyFill="1" applyBorder="1" applyAlignment="1">
      <alignment horizontal="left" vertical="center" wrapText="1"/>
    </xf>
    <xf numFmtId="0" fontId="42" fillId="4" borderId="476" xfId="2" applyFont="1" applyFill="1" applyBorder="1" applyAlignment="1">
      <alignment horizontal="center" vertical="center" wrapText="1"/>
    </xf>
    <xf numFmtId="0" fontId="42" fillId="4" borderId="29" xfId="2" applyFont="1" applyFill="1" applyBorder="1" applyAlignment="1">
      <alignment horizontal="center" vertical="center" wrapText="1"/>
    </xf>
    <xf numFmtId="0" fontId="42" fillId="4" borderId="477" xfId="2" applyFont="1" applyFill="1" applyBorder="1" applyAlignment="1">
      <alignment horizontal="center" vertical="center"/>
    </xf>
    <xf numFmtId="0" fontId="42" fillId="4" borderId="478" xfId="2" applyFont="1" applyFill="1" applyBorder="1" applyAlignment="1">
      <alignment horizontal="center" vertical="center"/>
    </xf>
    <xf numFmtId="0" fontId="36" fillId="4" borderId="58" xfId="2" applyFont="1" applyFill="1" applyBorder="1" applyAlignment="1">
      <alignment horizontal="left" vertical="top" wrapText="1"/>
    </xf>
    <xf numFmtId="0" fontId="36" fillId="4" borderId="55" xfId="2" applyFont="1" applyFill="1" applyBorder="1" applyAlignment="1">
      <alignment horizontal="left" vertical="top" wrapText="1"/>
    </xf>
    <xf numFmtId="0" fontId="34" fillId="0" borderId="0" xfId="2" applyFont="1" applyAlignment="1">
      <alignment horizontal="left" vertical="center"/>
    </xf>
    <xf numFmtId="0" fontId="34" fillId="0" borderId="68" xfId="2" applyFont="1" applyBorder="1" applyAlignment="1">
      <alignment horizontal="left" vertical="center"/>
    </xf>
    <xf numFmtId="0" fontId="24" fillId="2" borderId="479" xfId="2" applyFont="1" applyFill="1" applyBorder="1" applyAlignment="1">
      <alignment horizontal="left" vertical="center"/>
    </xf>
    <xf numFmtId="0" fontId="43" fillId="24" borderId="60" xfId="2" applyFont="1" applyFill="1" applyBorder="1" applyAlignment="1">
      <alignment horizontal="center" vertical="center"/>
    </xf>
    <xf numFmtId="0" fontId="43" fillId="24" borderId="61" xfId="2" applyFont="1" applyFill="1" applyBorder="1" applyAlignment="1">
      <alignment horizontal="center" vertical="center"/>
    </xf>
    <xf numFmtId="0" fontId="6" fillId="24" borderId="62" xfId="2" applyFont="1" applyFill="1" applyBorder="1" applyAlignment="1">
      <alignment horizontal="center" vertical="center"/>
    </xf>
    <xf numFmtId="0" fontId="6" fillId="24" borderId="60" xfId="2" applyFont="1" applyFill="1" applyBorder="1" applyAlignment="1">
      <alignment horizontal="center" vertical="center"/>
    </xf>
    <xf numFmtId="0" fontId="6" fillId="24" borderId="61" xfId="2" applyFont="1" applyFill="1" applyBorder="1" applyAlignment="1">
      <alignment horizontal="center" vertical="center"/>
    </xf>
    <xf numFmtId="0" fontId="6" fillId="25" borderId="62" xfId="2" applyFont="1" applyFill="1" applyBorder="1" applyAlignment="1">
      <alignment horizontal="center" vertical="center"/>
    </xf>
    <xf numFmtId="0" fontId="6" fillId="25" borderId="59" xfId="2" applyFont="1" applyFill="1" applyBorder="1" applyAlignment="1">
      <alignment horizontal="center" vertical="center"/>
    </xf>
    <xf numFmtId="0" fontId="24" fillId="2" borderId="72" xfId="2" applyFont="1" applyFill="1" applyBorder="1" applyAlignment="1">
      <alignment horizontal="left" vertical="center"/>
    </xf>
    <xf numFmtId="0" fontId="24" fillId="2" borderId="480" xfId="2" applyFont="1" applyFill="1" applyBorder="1" applyAlignment="1">
      <alignment horizontal="left" vertical="center"/>
    </xf>
    <xf numFmtId="0" fontId="43" fillId="24" borderId="481" xfId="2" applyFont="1" applyFill="1" applyBorder="1" applyAlignment="1">
      <alignment horizontal="center" vertical="center"/>
    </xf>
    <xf numFmtId="0" fontId="43" fillId="24" borderId="482" xfId="2" applyFont="1" applyFill="1" applyBorder="1" applyAlignment="1">
      <alignment horizontal="center" vertical="center"/>
    </xf>
    <xf numFmtId="0" fontId="6" fillId="24" borderId="449" xfId="2" applyFont="1" applyFill="1" applyBorder="1" applyAlignment="1">
      <alignment horizontal="center" vertical="center"/>
    </xf>
    <xf numFmtId="0" fontId="6" fillId="24" borderId="85" xfId="2" applyFont="1" applyFill="1" applyBorder="1" applyAlignment="1">
      <alignment horizontal="center" vertical="center"/>
    </xf>
    <xf numFmtId="0" fontId="6" fillId="24" borderId="83" xfId="2" applyFont="1" applyFill="1" applyBorder="1" applyAlignment="1">
      <alignment horizontal="center" vertical="center"/>
    </xf>
    <xf numFmtId="0" fontId="6" fillId="25" borderId="483" xfId="2" applyFont="1" applyFill="1" applyBorder="1" applyAlignment="1">
      <alignment horizontal="center" vertical="center"/>
    </xf>
    <xf numFmtId="0" fontId="6" fillId="25" borderId="482" xfId="2" applyFont="1" applyFill="1" applyBorder="1" applyAlignment="1">
      <alignment horizontal="center" vertical="center"/>
    </xf>
    <xf numFmtId="0" fontId="6" fillId="25" borderId="481" xfId="2" applyFont="1" applyFill="1" applyBorder="1" applyAlignment="1">
      <alignment horizontal="center" vertical="center"/>
    </xf>
    <xf numFmtId="0" fontId="43" fillId="24" borderId="83" xfId="2" applyFont="1" applyFill="1" applyBorder="1" applyAlignment="1">
      <alignment horizontal="center" vertical="center"/>
    </xf>
    <xf numFmtId="0" fontId="6" fillId="25" borderId="60" xfId="2" applyFont="1" applyFill="1" applyBorder="1" applyAlignment="1">
      <alignment horizontal="center" vertical="center"/>
    </xf>
    <xf numFmtId="0" fontId="6" fillId="25" borderId="61" xfId="2" applyFont="1" applyFill="1" applyBorder="1" applyAlignment="1">
      <alignment horizontal="center" vertical="center"/>
    </xf>
    <xf numFmtId="0" fontId="6" fillId="25" borderId="86" xfId="2" applyFont="1" applyFill="1" applyBorder="1" applyAlignment="1">
      <alignment horizontal="center" vertical="center"/>
    </xf>
    <xf numFmtId="0" fontId="34" fillId="0" borderId="0" xfId="2" quotePrefix="1" applyFont="1" applyAlignment="1" applyProtection="1">
      <alignment horizontal="left" vertical="center"/>
      <protection locked="0"/>
    </xf>
    <xf numFmtId="3" fontId="24" fillId="2" borderId="109" xfId="5" applyNumberFormat="1" applyFont="1" applyFill="1" applyBorder="1" applyAlignment="1" applyProtection="1">
      <alignment horizontal="left" vertical="center" wrapText="1"/>
      <protection locked="0"/>
    </xf>
    <xf numFmtId="0" fontId="43" fillId="26" borderId="88" xfId="2" applyFont="1" applyFill="1" applyBorder="1" applyAlignment="1" applyProtection="1">
      <alignment horizontal="center" vertical="center"/>
      <protection locked="0"/>
    </xf>
    <xf numFmtId="0" fontId="43" fillId="26" borderId="89" xfId="2" applyFont="1" applyFill="1" applyBorder="1" applyAlignment="1" applyProtection="1">
      <alignment horizontal="center" vertical="center"/>
      <protection locked="0"/>
    </xf>
    <xf numFmtId="0" fontId="6" fillId="26" borderId="16" xfId="2" applyFont="1" applyFill="1" applyBorder="1" applyAlignment="1" applyProtection="1">
      <alignment horizontal="center" vertical="center"/>
      <protection locked="0"/>
    </xf>
    <xf numFmtId="0" fontId="6" fillId="26" borderId="88" xfId="2" applyFont="1" applyFill="1" applyBorder="1" applyAlignment="1" applyProtection="1">
      <alignment horizontal="center" vertical="center"/>
      <protection locked="0"/>
    </xf>
    <xf numFmtId="0" fontId="6" fillId="26" borderId="14" xfId="2" applyFont="1" applyFill="1" applyBorder="1" applyAlignment="1" applyProtection="1">
      <alignment horizontal="center" vertical="center"/>
      <protection locked="0"/>
    </xf>
    <xf numFmtId="0" fontId="6" fillId="26" borderId="90" xfId="2" applyFont="1" applyFill="1" applyBorder="1" applyAlignment="1" applyProtection="1">
      <alignment horizontal="center" vertical="center"/>
      <protection locked="0"/>
    </xf>
    <xf numFmtId="0" fontId="6" fillId="26" borderId="91" xfId="2" applyFont="1" applyFill="1" applyBorder="1" applyAlignment="1" applyProtection="1">
      <alignment horizontal="center" vertical="center"/>
      <protection locked="0"/>
    </xf>
    <xf numFmtId="0" fontId="6" fillId="27" borderId="88" xfId="2" applyFont="1" applyFill="1" applyBorder="1" applyAlignment="1" applyProtection="1">
      <alignment horizontal="center" vertical="center"/>
      <protection locked="0"/>
    </xf>
    <xf numFmtId="0" fontId="35" fillId="0" borderId="0" xfId="2" quotePrefix="1" applyFont="1" applyAlignment="1" applyProtection="1">
      <alignment horizontal="left" vertical="center"/>
      <protection locked="0"/>
    </xf>
    <xf numFmtId="0" fontId="30" fillId="0" borderId="0" xfId="2" quotePrefix="1" applyFont="1" applyAlignment="1" applyProtection="1">
      <alignment horizontal="left" vertical="center"/>
      <protection locked="0"/>
    </xf>
    <xf numFmtId="0" fontId="45" fillId="0" borderId="0" xfId="2" quotePrefix="1" applyFont="1" applyAlignment="1" applyProtection="1">
      <alignment horizontal="left" vertical="center"/>
      <protection locked="0"/>
    </xf>
    <xf numFmtId="0" fontId="25" fillId="2" borderId="484" xfId="2" applyFont="1" applyFill="1" applyBorder="1" applyAlignment="1" applyProtection="1">
      <alignment horizontal="left" vertical="center"/>
      <protection locked="0"/>
    </xf>
    <xf numFmtId="0" fontId="48" fillId="0" borderId="484" xfId="2" applyFont="1" applyBorder="1" applyAlignment="1" applyProtection="1">
      <alignment horizontal="left" vertical="center"/>
      <protection locked="0"/>
    </xf>
    <xf numFmtId="0" fontId="26" fillId="7" borderId="111" xfId="2" applyFont="1" applyFill="1" applyBorder="1" applyAlignment="1" applyProtection="1">
      <alignment horizontal="center" vertical="center"/>
      <protection locked="0"/>
    </xf>
    <xf numFmtId="0" fontId="26" fillId="7" borderId="110" xfId="2" applyFont="1" applyFill="1" applyBorder="1" applyAlignment="1" applyProtection="1">
      <alignment horizontal="center" vertical="center"/>
      <protection locked="0"/>
    </xf>
    <xf numFmtId="0" fontId="27" fillId="7" borderId="112" xfId="2" applyFont="1" applyFill="1" applyBorder="1" applyAlignment="1" applyProtection="1">
      <alignment horizontal="center" vertical="center"/>
      <protection locked="0"/>
    </xf>
    <xf numFmtId="0" fontId="27" fillId="7" borderId="111" xfId="2" applyFont="1" applyFill="1" applyBorder="1" applyAlignment="1" applyProtection="1">
      <alignment horizontal="center" vertical="center"/>
      <protection locked="0"/>
    </xf>
    <xf numFmtId="0" fontId="27" fillId="7" borderId="110" xfId="2" applyFont="1" applyFill="1" applyBorder="1" applyAlignment="1" applyProtection="1">
      <alignment horizontal="center" vertical="center"/>
      <protection locked="0"/>
    </xf>
    <xf numFmtId="0" fontId="30" fillId="0" borderId="0" xfId="2" quotePrefix="1" applyFont="1" applyAlignment="1">
      <alignment horizontal="left" vertical="center" wrapText="1"/>
    </xf>
    <xf numFmtId="0" fontId="25" fillId="2" borderId="484" xfId="2" applyFont="1" applyFill="1" applyBorder="1" applyAlignment="1">
      <alignment horizontal="left" vertical="center"/>
    </xf>
    <xf numFmtId="0" fontId="48" fillId="0" borderId="484" xfId="2" applyFont="1" applyBorder="1" applyAlignment="1">
      <alignment horizontal="left" vertical="center"/>
    </xf>
    <xf numFmtId="0" fontId="26" fillId="0" borderId="111" xfId="2" applyFont="1" applyBorder="1" applyAlignment="1">
      <alignment horizontal="center" vertical="center"/>
    </xf>
    <xf numFmtId="0" fontId="26" fillId="0" borderId="110" xfId="2" applyFont="1" applyBorder="1" applyAlignment="1">
      <alignment horizontal="center" vertical="center"/>
    </xf>
    <xf numFmtId="0" fontId="27" fillId="0" borderId="112" xfId="2" applyFont="1" applyBorder="1" applyAlignment="1">
      <alignment horizontal="center" vertical="center"/>
    </xf>
    <xf numFmtId="0" fontId="27" fillId="0" borderId="111" xfId="2" applyFont="1" applyBorder="1" applyAlignment="1">
      <alignment horizontal="center" vertical="center"/>
    </xf>
    <xf numFmtId="0" fontId="27" fillId="0" borderId="110" xfId="2" applyFont="1" applyBorder="1" applyAlignment="1">
      <alignment horizontal="center" vertical="center"/>
    </xf>
    <xf numFmtId="0" fontId="23" fillId="0" borderId="0" xfId="2" quotePrefix="1" applyFont="1" applyAlignment="1" applyProtection="1">
      <alignment horizontal="left" vertical="center"/>
      <protection locked="0"/>
    </xf>
    <xf numFmtId="3" fontId="24" fillId="2" borderId="485" xfId="5" applyNumberFormat="1" applyFont="1" applyFill="1" applyBorder="1" applyAlignment="1" applyProtection="1">
      <alignment horizontal="left" vertical="center" wrapText="1"/>
      <protection locked="0"/>
    </xf>
    <xf numFmtId="0" fontId="43" fillId="9" borderId="124" xfId="2" applyFont="1" applyFill="1" applyBorder="1" applyAlignment="1" applyProtection="1">
      <alignment horizontal="center" vertical="center"/>
      <protection locked="0"/>
    </xf>
    <xf numFmtId="0" fontId="43" fillId="9" borderId="125" xfId="2" applyFont="1" applyFill="1" applyBorder="1" applyAlignment="1" applyProtection="1">
      <alignment horizontal="center" vertical="center"/>
      <protection locked="0"/>
    </xf>
    <xf numFmtId="0" fontId="6" fillId="9" borderId="126" xfId="2" applyFont="1" applyFill="1" applyBorder="1" applyAlignment="1">
      <alignment horizontal="center" vertical="center"/>
    </xf>
    <xf numFmtId="0" fontId="6" fillId="9" borderId="124" xfId="2" applyFont="1" applyFill="1" applyBorder="1" applyAlignment="1">
      <alignment horizontal="center" vertical="center"/>
    </xf>
    <xf numFmtId="0" fontId="6" fillId="9" borderId="128" xfId="2" applyFont="1" applyFill="1" applyBorder="1" applyAlignment="1">
      <alignment horizontal="center" vertical="center"/>
    </xf>
    <xf numFmtId="0" fontId="6" fillId="9" borderId="127" xfId="2" applyFont="1" applyFill="1" applyBorder="1" applyAlignment="1" applyProtection="1">
      <alignment horizontal="center" vertical="center"/>
      <protection locked="0"/>
    </xf>
    <xf numFmtId="0" fontId="6" fillId="9" borderId="128" xfId="2" applyFont="1" applyFill="1" applyBorder="1" applyAlignment="1" applyProtection="1">
      <alignment horizontal="center" vertical="center"/>
      <protection locked="0"/>
    </xf>
    <xf numFmtId="0" fontId="35" fillId="0" borderId="0" xfId="2" applyFont="1" applyAlignment="1" applyProtection="1">
      <alignment horizontal="left" vertical="center"/>
      <protection locked="0"/>
    </xf>
    <xf numFmtId="3" fontId="24" fillId="2" borderId="470" xfId="5" applyNumberFormat="1" applyFont="1" applyFill="1" applyBorder="1" applyAlignment="1" applyProtection="1">
      <alignment horizontal="left" vertical="center" wrapText="1"/>
      <protection locked="0"/>
    </xf>
    <xf numFmtId="11" fontId="43" fillId="11" borderId="141" xfId="2" applyNumberFormat="1" applyFont="1" applyFill="1" applyBorder="1" applyAlignment="1" applyProtection="1">
      <alignment horizontal="center" vertical="center"/>
      <protection locked="0"/>
    </xf>
    <xf numFmtId="11" fontId="43" fillId="11" borderId="140" xfId="2" applyNumberFormat="1" applyFont="1" applyFill="1" applyBorder="1" applyAlignment="1" applyProtection="1">
      <alignment horizontal="center" vertical="center"/>
      <protection locked="0"/>
    </xf>
    <xf numFmtId="0" fontId="6" fillId="11" borderId="16" xfId="2" applyFont="1" applyFill="1" applyBorder="1" applyAlignment="1">
      <alignment horizontal="center" vertical="center"/>
    </xf>
    <xf numFmtId="0" fontId="6" fillId="11" borderId="141" xfId="2" applyFont="1" applyFill="1" applyBorder="1" applyAlignment="1">
      <alignment horizontal="center" vertical="center"/>
    </xf>
    <xf numFmtId="0" fontId="6" fillId="11" borderId="14" xfId="2" applyFont="1" applyFill="1" applyBorder="1" applyAlignment="1">
      <alignment horizontal="center" vertical="center"/>
    </xf>
    <xf numFmtId="0" fontId="6" fillId="11" borderId="486" xfId="2" applyFont="1" applyFill="1" applyBorder="1" applyAlignment="1">
      <alignment horizontal="center" vertical="center"/>
    </xf>
    <xf numFmtId="11" fontId="6" fillId="11" borderId="141" xfId="2" applyNumberFormat="1" applyFont="1" applyFill="1" applyBorder="1" applyAlignment="1">
      <alignment horizontal="center" vertical="center"/>
    </xf>
    <xf numFmtId="0" fontId="23" fillId="0" borderId="0" xfId="2" quotePrefix="1" applyFont="1" applyAlignment="1">
      <alignment horizontal="left" vertical="center" wrapText="1"/>
    </xf>
    <xf numFmtId="0" fontId="23" fillId="0" borderId="0" xfId="2" quotePrefix="1" applyFont="1" applyAlignment="1">
      <alignment horizontal="left" vertical="center"/>
    </xf>
    <xf numFmtId="0" fontId="24" fillId="2" borderId="487" xfId="2" applyFont="1" applyFill="1" applyBorder="1" applyAlignment="1">
      <alignment horizontal="left" vertical="center" wrapText="1"/>
    </xf>
    <xf numFmtId="0" fontId="43" fillId="12" borderId="184" xfId="2" applyFont="1" applyFill="1" applyBorder="1" applyAlignment="1">
      <alignment horizontal="center" vertical="center"/>
    </xf>
    <xf numFmtId="0" fontId="43" fillId="12" borderId="185" xfId="2" applyFont="1" applyFill="1" applyBorder="1" applyAlignment="1">
      <alignment horizontal="center" vertical="center"/>
    </xf>
    <xf numFmtId="0" fontId="6" fillId="12" borderId="186" xfId="2" applyFont="1" applyFill="1" applyBorder="1" applyAlignment="1">
      <alignment horizontal="center" vertical="center"/>
    </xf>
    <xf numFmtId="0" fontId="6" fillId="12" borderId="184" xfId="2" applyFont="1" applyFill="1" applyBorder="1" applyAlignment="1">
      <alignment horizontal="center" vertical="center"/>
    </xf>
    <xf numFmtId="0" fontId="6" fillId="12" borderId="187" xfId="2" applyFont="1" applyFill="1" applyBorder="1" applyAlignment="1">
      <alignment horizontal="center" vertical="center"/>
    </xf>
    <xf numFmtId="0" fontId="6" fillId="12" borderId="189" xfId="2" applyFont="1" applyFill="1" applyBorder="1" applyAlignment="1">
      <alignment horizontal="center" vertical="center"/>
    </xf>
    <xf numFmtId="0" fontId="6" fillId="12" borderId="190" xfId="2" applyFont="1" applyFill="1" applyBorder="1" applyAlignment="1">
      <alignment horizontal="center" vertical="center"/>
    </xf>
    <xf numFmtId="0" fontId="24" fillId="2" borderId="488" xfId="2" applyFont="1" applyFill="1" applyBorder="1" applyAlignment="1">
      <alignment horizontal="left" vertical="center"/>
    </xf>
    <xf numFmtId="0" fontId="43" fillId="13" borderId="196" xfId="2" applyFont="1" applyFill="1" applyBorder="1" applyAlignment="1">
      <alignment horizontal="center" vertical="center"/>
    </xf>
    <xf numFmtId="0" fontId="43" fillId="13" borderId="14" xfId="2" applyFont="1" applyFill="1" applyBorder="1" applyAlignment="1">
      <alignment horizontal="center" vertical="center"/>
    </xf>
    <xf numFmtId="0" fontId="6" fillId="13" borderId="197" xfId="2" applyFont="1" applyFill="1" applyBorder="1" applyAlignment="1">
      <alignment horizontal="center" vertical="center"/>
    </xf>
    <xf numFmtId="0" fontId="6" fillId="13" borderId="196" xfId="2" applyFont="1" applyFill="1" applyBorder="1" applyAlignment="1">
      <alignment horizontal="center" vertical="center"/>
    </xf>
    <xf numFmtId="0" fontId="6" fillId="13" borderId="14" xfId="2" applyFont="1" applyFill="1" applyBorder="1" applyAlignment="1">
      <alignment horizontal="center" vertical="center"/>
    </xf>
    <xf numFmtId="0" fontId="6" fillId="13" borderId="198" xfId="2" applyFont="1" applyFill="1" applyBorder="1" applyAlignment="1">
      <alignment horizontal="center" vertical="center"/>
    </xf>
    <xf numFmtId="0" fontId="6" fillId="13" borderId="199" xfId="2" applyFont="1" applyFill="1" applyBorder="1" applyAlignment="1">
      <alignment horizontal="center" vertical="center"/>
    </xf>
    <xf numFmtId="0" fontId="35" fillId="0" borderId="0" xfId="2" quotePrefix="1" applyFont="1" applyAlignment="1">
      <alignment horizontal="left" vertical="top" wrapText="1"/>
    </xf>
    <xf numFmtId="0" fontId="35" fillId="0" borderId="0" xfId="2" applyFont="1" applyAlignment="1">
      <alignment horizontal="left" vertical="top" wrapText="1"/>
    </xf>
    <xf numFmtId="0" fontId="24" fillId="2" borderId="470" xfId="2" applyFont="1" applyFill="1" applyBorder="1" applyAlignment="1">
      <alignment horizontal="left" vertical="center"/>
    </xf>
    <xf numFmtId="0" fontId="43" fillId="14" borderId="204" xfId="2" applyFont="1" applyFill="1" applyBorder="1" applyAlignment="1">
      <alignment horizontal="center" vertical="center"/>
    </xf>
    <xf numFmtId="0" fontId="43" fillId="14" borderId="205" xfId="2" applyFont="1" applyFill="1" applyBorder="1" applyAlignment="1">
      <alignment horizontal="center" vertical="center"/>
    </xf>
    <xf numFmtId="0" fontId="6" fillId="14" borderId="206" xfId="2" applyFont="1" applyFill="1" applyBorder="1" applyAlignment="1">
      <alignment horizontal="center" vertical="center"/>
    </xf>
    <xf numFmtId="0" fontId="6" fillId="14" borderId="204" xfId="2" applyFont="1" applyFill="1" applyBorder="1" applyAlignment="1">
      <alignment horizontal="center" vertical="center"/>
    </xf>
    <xf numFmtId="0" fontId="6" fillId="14" borderId="14" xfId="2" applyFont="1" applyFill="1" applyBorder="1" applyAlignment="1">
      <alignment horizontal="center" vertical="center"/>
    </xf>
    <xf numFmtId="0" fontId="6" fillId="14" borderId="203" xfId="2" applyFont="1" applyFill="1" applyBorder="1" applyAlignment="1">
      <alignment horizontal="center" vertical="center"/>
    </xf>
    <xf numFmtId="0" fontId="23" fillId="0" borderId="0" xfId="2" quotePrefix="1" applyFont="1" applyAlignment="1">
      <alignment horizontal="left" vertical="top" wrapText="1"/>
    </xf>
    <xf numFmtId="0" fontId="24" fillId="2" borderId="489" xfId="2" applyFont="1" applyFill="1" applyBorder="1" applyAlignment="1">
      <alignment horizontal="left" vertical="center"/>
    </xf>
    <xf numFmtId="0" fontId="43" fillId="15" borderId="221" xfId="2" applyFont="1" applyFill="1" applyBorder="1" applyAlignment="1">
      <alignment horizontal="center" vertical="center"/>
    </xf>
    <xf numFmtId="0" fontId="43" fillId="15" borderId="220" xfId="2" applyFont="1" applyFill="1" applyBorder="1" applyAlignment="1">
      <alignment horizontal="center" vertical="center"/>
    </xf>
    <xf numFmtId="0" fontId="6" fillId="15" borderId="222" xfId="2" applyFont="1" applyFill="1" applyBorder="1" applyAlignment="1">
      <alignment horizontal="center" vertical="center"/>
    </xf>
    <xf numFmtId="0" fontId="6" fillId="15" borderId="221" xfId="2" applyFont="1" applyFill="1" applyBorder="1" applyAlignment="1">
      <alignment horizontal="center" vertical="center"/>
    </xf>
    <xf numFmtId="0" fontId="6" fillId="15" borderId="490" xfId="2" applyFont="1" applyFill="1" applyBorder="1" applyAlignment="1">
      <alignment horizontal="center" vertical="center"/>
    </xf>
    <xf numFmtId="0" fontId="6" fillId="15" borderId="223" xfId="2" applyFont="1" applyFill="1" applyBorder="1" applyAlignment="1">
      <alignment horizontal="center" vertical="center"/>
    </xf>
    <xf numFmtId="0" fontId="6" fillId="15" borderId="224" xfId="2" applyFont="1" applyFill="1" applyBorder="1" applyAlignment="1">
      <alignment horizontal="center" vertical="center"/>
    </xf>
    <xf numFmtId="0" fontId="24" fillId="2" borderId="474" xfId="2" applyFont="1" applyFill="1" applyBorder="1" applyAlignment="1">
      <alignment horizontal="left" vertical="center"/>
    </xf>
    <xf numFmtId="0" fontId="20" fillId="16" borderId="236" xfId="2" applyFont="1" applyFill="1" applyBorder="1" applyAlignment="1">
      <alignment horizontal="center" vertical="center"/>
    </xf>
    <xf numFmtId="0" fontId="20" fillId="16" borderId="237" xfId="2" applyFont="1" applyFill="1" applyBorder="1" applyAlignment="1">
      <alignment horizontal="center" vertical="center"/>
    </xf>
    <xf numFmtId="0" fontId="19" fillId="16" borderId="238" xfId="2" applyFont="1" applyFill="1" applyBorder="1" applyAlignment="1">
      <alignment horizontal="center" vertical="center"/>
    </xf>
    <xf numFmtId="0" fontId="19" fillId="16" borderId="236" xfId="2" applyFont="1" applyFill="1" applyBorder="1" applyAlignment="1">
      <alignment horizontal="center" vertical="center"/>
    </xf>
    <xf numFmtId="0" fontId="19" fillId="16" borderId="239" xfId="2" applyFont="1" applyFill="1" applyBorder="1" applyAlignment="1">
      <alignment horizontal="center" vertical="center"/>
    </xf>
    <xf numFmtId="0" fontId="19" fillId="16" borderId="491" xfId="2" applyFont="1" applyFill="1" applyBorder="1" applyAlignment="1">
      <alignment horizontal="center" vertical="center"/>
    </xf>
    <xf numFmtId="0" fontId="52" fillId="0" borderId="0" xfId="2" applyFont="1" applyAlignment="1">
      <alignment horizontal="left" vertical="center"/>
    </xf>
    <xf numFmtId="0" fontId="20" fillId="16" borderId="249" xfId="2" applyFont="1" applyFill="1" applyBorder="1" applyAlignment="1">
      <alignment horizontal="center" vertical="center"/>
    </xf>
    <xf numFmtId="0" fontId="19" fillId="16" borderId="250" xfId="2" applyFont="1" applyFill="1" applyBorder="1" applyAlignment="1">
      <alignment horizontal="center" vertical="center"/>
    </xf>
    <xf numFmtId="0" fontId="19" fillId="16" borderId="251" xfId="2" applyFont="1" applyFill="1" applyBorder="1" applyAlignment="1">
      <alignment horizontal="center" vertical="center"/>
    </xf>
    <xf numFmtId="0" fontId="19" fillId="16" borderId="492" xfId="2" applyFont="1" applyFill="1" applyBorder="1" applyAlignment="1">
      <alignment horizontal="center" vertical="center"/>
    </xf>
    <xf numFmtId="0" fontId="38" fillId="0" borderId="0" xfId="2" quotePrefix="1" applyFont="1" applyAlignment="1" applyProtection="1">
      <alignment horizontal="left" vertical="center"/>
      <protection locked="0"/>
    </xf>
    <xf numFmtId="0" fontId="52" fillId="0" borderId="0" xfId="2" quotePrefix="1" applyFont="1" applyAlignment="1" applyProtection="1">
      <alignment horizontal="left" vertical="center"/>
      <protection locked="0"/>
    </xf>
    <xf numFmtId="0" fontId="24" fillId="2" borderId="470" xfId="2" applyFont="1" applyFill="1" applyBorder="1" applyAlignment="1" applyProtection="1">
      <alignment horizontal="left" vertical="center"/>
      <protection locked="0"/>
    </xf>
    <xf numFmtId="0" fontId="20" fillId="28" borderId="257" xfId="2" applyFont="1" applyFill="1" applyBorder="1" applyAlignment="1" applyProtection="1">
      <alignment horizontal="center" vertical="center"/>
      <protection locked="0"/>
    </xf>
    <xf numFmtId="0" fontId="20" fillId="28" borderId="258" xfId="2" applyFont="1" applyFill="1" applyBorder="1" applyAlignment="1" applyProtection="1">
      <alignment horizontal="center" vertical="center"/>
      <protection locked="0"/>
    </xf>
    <xf numFmtId="0" fontId="19" fillId="28" borderId="259" xfId="2" applyFont="1" applyFill="1" applyBorder="1" applyAlignment="1" applyProtection="1">
      <alignment horizontal="center" vertical="center"/>
      <protection locked="0"/>
    </xf>
    <xf numFmtId="0" fontId="19" fillId="28" borderId="257" xfId="2" applyFont="1" applyFill="1" applyBorder="1" applyAlignment="1" applyProtection="1">
      <alignment horizontal="center" vertical="center"/>
      <protection locked="0"/>
    </xf>
    <xf numFmtId="0" fontId="19" fillId="28" borderId="260" xfId="2" applyFont="1" applyFill="1" applyBorder="1" applyAlignment="1" applyProtection="1">
      <alignment horizontal="center" vertical="center"/>
      <protection locked="0"/>
    </xf>
    <xf numFmtId="0" fontId="19" fillId="17" borderId="262" xfId="2" applyFont="1" applyFill="1" applyBorder="1" applyAlignment="1" applyProtection="1">
      <alignment horizontal="center" vertical="center"/>
      <protection locked="0"/>
    </xf>
    <xf numFmtId="0" fontId="19" fillId="17" borderId="263" xfId="2" applyFont="1" applyFill="1" applyBorder="1" applyAlignment="1" applyProtection="1">
      <alignment horizontal="center" vertical="center"/>
      <protection locked="0"/>
    </xf>
    <xf numFmtId="0" fontId="19" fillId="17" borderId="257" xfId="2" applyFont="1" applyFill="1" applyBorder="1" applyAlignment="1" applyProtection="1">
      <alignment horizontal="center" vertical="center"/>
      <protection locked="0"/>
    </xf>
    <xf numFmtId="0" fontId="43" fillId="18" borderId="268" xfId="2" applyFont="1" applyFill="1" applyBorder="1" applyAlignment="1">
      <alignment horizontal="center" vertical="center"/>
    </xf>
    <xf numFmtId="0" fontId="43" fillId="18" borderId="269" xfId="2" applyFont="1" applyFill="1" applyBorder="1" applyAlignment="1">
      <alignment horizontal="center" vertical="center"/>
    </xf>
    <xf numFmtId="0" fontId="6" fillId="18" borderId="270" xfId="2" applyFont="1" applyFill="1" applyBorder="1" applyAlignment="1">
      <alignment horizontal="center" vertical="center"/>
    </xf>
    <xf numFmtId="0" fontId="6" fillId="18" borderId="268" xfId="2" applyFont="1" applyFill="1" applyBorder="1" applyAlignment="1">
      <alignment horizontal="center" vertical="center"/>
    </xf>
    <xf numFmtId="0" fontId="6" fillId="18" borderId="271" xfId="2" applyFont="1" applyFill="1" applyBorder="1" applyAlignment="1">
      <alignment horizontal="center" vertical="center"/>
    </xf>
    <xf numFmtId="0" fontId="6" fillId="18" borderId="273" xfId="2" applyFont="1" applyFill="1" applyBorder="1" applyAlignment="1">
      <alignment horizontal="center" vertical="center"/>
    </xf>
    <xf numFmtId="0" fontId="6" fillId="18" borderId="274" xfId="2" applyFont="1" applyFill="1" applyBorder="1" applyAlignment="1">
      <alignment horizontal="center" vertical="center"/>
    </xf>
    <xf numFmtId="0" fontId="24" fillId="2" borderId="493" xfId="2" applyFont="1" applyFill="1" applyBorder="1" applyAlignment="1">
      <alignment horizontal="left" vertical="center"/>
    </xf>
    <xf numFmtId="0" fontId="6" fillId="18" borderId="292" xfId="2" applyFont="1" applyFill="1" applyBorder="1" applyAlignment="1">
      <alignment horizontal="center" vertical="center"/>
    </xf>
    <xf numFmtId="0" fontId="6" fillId="18" borderId="269" xfId="2" applyFont="1" applyFill="1" applyBorder="1" applyAlignment="1">
      <alignment horizontal="center" vertical="center"/>
    </xf>
    <xf numFmtId="167" fontId="43" fillId="0" borderId="494" xfId="2" applyNumberFormat="1" applyFont="1" applyBorder="1" applyAlignment="1">
      <alignment horizontal="center" vertical="center"/>
    </xf>
    <xf numFmtId="167" fontId="43" fillId="0" borderId="301" xfId="2" applyNumberFormat="1" applyFont="1" applyBorder="1" applyAlignment="1">
      <alignment horizontal="center" vertical="center"/>
    </xf>
    <xf numFmtId="167" fontId="6" fillId="0" borderId="494" xfId="2" applyNumberFormat="1" applyFont="1" applyBorder="1" applyAlignment="1">
      <alignment horizontal="center" vertical="center"/>
    </xf>
    <xf numFmtId="167" fontId="6" fillId="0" borderId="29" xfId="2" applyNumberFormat="1" applyFont="1" applyBorder="1" applyAlignment="1">
      <alignment horizontal="center" vertical="center"/>
    </xf>
    <xf numFmtId="167" fontId="6" fillId="0" borderId="495" xfId="2" applyNumberFormat="1" applyFont="1" applyBorder="1" applyAlignment="1">
      <alignment horizontal="center" vertical="center"/>
    </xf>
    <xf numFmtId="0" fontId="35" fillId="0" borderId="0" xfId="2" applyFont="1" applyAlignment="1">
      <alignment horizontal="left" vertical="center" wrapText="1"/>
    </xf>
    <xf numFmtId="0" fontId="43" fillId="20" borderId="314" xfId="2" applyFont="1" applyFill="1" applyBorder="1" applyAlignment="1">
      <alignment horizontal="center" vertical="center"/>
    </xf>
    <xf numFmtId="0" fontId="43" fillId="20" borderId="313" xfId="2" applyFont="1" applyFill="1" applyBorder="1" applyAlignment="1">
      <alignment horizontal="center" vertical="center"/>
    </xf>
    <xf numFmtId="0" fontId="6" fillId="20" borderId="315" xfId="2" applyFont="1" applyFill="1" applyBorder="1" applyAlignment="1">
      <alignment horizontal="center" vertical="center"/>
    </xf>
    <xf numFmtId="0" fontId="6" fillId="20" borderId="314" xfId="2" applyFont="1" applyFill="1" applyBorder="1" applyAlignment="1">
      <alignment horizontal="center" vertical="center"/>
    </xf>
    <xf numFmtId="0" fontId="6" fillId="20" borderId="313" xfId="2" applyFont="1" applyFill="1" applyBorder="1" applyAlignment="1">
      <alignment horizontal="center" vertical="center"/>
    </xf>
    <xf numFmtId="0" fontId="6" fillId="20" borderId="240" xfId="2" applyFont="1" applyFill="1" applyBorder="1" applyAlignment="1">
      <alignment horizontal="center" vertical="center"/>
    </xf>
    <xf numFmtId="0" fontId="43" fillId="21" borderId="324" xfId="2" applyFont="1" applyFill="1" applyBorder="1" applyAlignment="1">
      <alignment horizontal="center" vertical="center"/>
    </xf>
    <xf numFmtId="0" fontId="43" fillId="21" borderId="323" xfId="2" applyFont="1" applyFill="1" applyBorder="1" applyAlignment="1">
      <alignment horizontal="center" vertical="center"/>
    </xf>
    <xf numFmtId="0" fontId="6" fillId="21" borderId="326" xfId="2" applyFont="1" applyFill="1" applyBorder="1" applyAlignment="1">
      <alignment horizontal="center" vertical="center"/>
    </xf>
    <xf numFmtId="0" fontId="6" fillId="21" borderId="324" xfId="2" applyFont="1" applyFill="1" applyBorder="1" applyAlignment="1">
      <alignment horizontal="center" vertical="center"/>
    </xf>
    <xf numFmtId="0" fontId="6" fillId="21" borderId="323" xfId="2" applyFont="1" applyFill="1" applyBorder="1" applyAlignment="1">
      <alignment horizontal="center" vertical="center"/>
    </xf>
    <xf numFmtId="0" fontId="6" fillId="21" borderId="327" xfId="2" applyFont="1" applyFill="1" applyBorder="1" applyAlignment="1">
      <alignment horizontal="center" vertical="center"/>
    </xf>
    <xf numFmtId="0" fontId="35" fillId="0" borderId="0" xfId="2" quotePrefix="1" applyFont="1" applyAlignment="1">
      <alignment horizontal="left" vertical="center" wrapText="1"/>
    </xf>
    <xf numFmtId="0" fontId="24" fillId="2" borderId="496" xfId="2" applyFont="1" applyFill="1" applyBorder="1" applyAlignment="1">
      <alignment horizontal="left" vertical="center"/>
    </xf>
    <xf numFmtId="0" fontId="43" fillId="22" borderId="236" xfId="2" applyFont="1" applyFill="1" applyBorder="1" applyAlignment="1">
      <alignment horizontal="center" vertical="center"/>
    </xf>
    <xf numFmtId="0" fontId="43" fillId="22" borderId="29" xfId="2" applyFont="1" applyFill="1" applyBorder="1" applyAlignment="1">
      <alignment horizontal="center" vertical="center"/>
    </xf>
    <xf numFmtId="0" fontId="6" fillId="22" borderId="342" xfId="2" applyFont="1" applyFill="1" applyBorder="1" applyAlignment="1">
      <alignment horizontal="center" vertical="center"/>
    </xf>
    <xf numFmtId="0" fontId="6" fillId="22" borderId="236" xfId="2" applyFont="1" applyFill="1" applyBorder="1" applyAlignment="1">
      <alignment horizontal="center" vertical="center"/>
    </xf>
    <xf numFmtId="0" fontId="6" fillId="22" borderId="235" xfId="2" applyFont="1" applyFill="1" applyBorder="1" applyAlignment="1">
      <alignment horizontal="center" vertical="center"/>
    </xf>
    <xf numFmtId="0" fontId="24" fillId="2" borderId="497" xfId="2" applyFont="1" applyFill="1" applyBorder="1" applyAlignment="1">
      <alignment horizontal="left" vertical="center"/>
    </xf>
    <xf numFmtId="167" fontId="43" fillId="0" borderId="498" xfId="2" applyNumberFormat="1" applyFont="1" applyBorder="1" applyAlignment="1">
      <alignment horizontal="center" vertical="center" wrapText="1"/>
    </xf>
    <xf numFmtId="167" fontId="43" fillId="0" borderId="499" xfId="2" applyNumberFormat="1" applyFont="1" applyBorder="1" applyAlignment="1">
      <alignment horizontal="center" vertical="center" wrapText="1"/>
    </xf>
    <xf numFmtId="167" fontId="43" fillId="0" borderId="346" xfId="2" applyNumberFormat="1" applyFont="1" applyBorder="1" applyAlignment="1">
      <alignment horizontal="center" vertical="center" wrapText="1"/>
    </xf>
    <xf numFmtId="167" fontId="6" fillId="0" borderId="498" xfId="2" applyNumberFormat="1" applyFont="1" applyBorder="1" applyAlignment="1">
      <alignment horizontal="center" vertical="center" wrapText="1"/>
    </xf>
    <xf numFmtId="167" fontId="6" fillId="0" borderId="499" xfId="2" applyNumberFormat="1" applyFont="1" applyBorder="1" applyAlignment="1">
      <alignment horizontal="center" vertical="center" wrapText="1"/>
    </xf>
    <xf numFmtId="167" fontId="6" fillId="0" borderId="346" xfId="2" applyNumberFormat="1" applyFont="1" applyBorder="1" applyAlignment="1">
      <alignment horizontal="center" vertical="center" wrapText="1"/>
    </xf>
    <xf numFmtId="0" fontId="24" fillId="2" borderId="500" xfId="2" applyFont="1" applyFill="1" applyBorder="1" applyAlignment="1">
      <alignment horizontal="left" vertical="center"/>
    </xf>
    <xf numFmtId="0" fontId="34" fillId="0" borderId="0" xfId="2" quotePrefix="1" applyFont="1" applyAlignment="1">
      <alignment horizontal="left" vertical="center"/>
    </xf>
    <xf numFmtId="0" fontId="24" fillId="2" borderId="469" xfId="2" applyFont="1" applyFill="1" applyBorder="1" applyAlignment="1">
      <alignment horizontal="left" vertical="center"/>
    </xf>
    <xf numFmtId="0" fontId="0" fillId="0" borderId="4" xfId="2" applyFont="1" applyBorder="1" applyAlignment="1">
      <alignment horizontal="center" vertical="center"/>
    </xf>
    <xf numFmtId="0" fontId="0" fillId="0" borderId="5" xfId="2" applyFont="1" applyBorder="1" applyAlignment="1">
      <alignment horizontal="center" vertical="center"/>
    </xf>
    <xf numFmtId="15" fontId="6" fillId="0" borderId="6" xfId="2" applyNumberFormat="1" applyFont="1" applyBorder="1" applyAlignment="1">
      <alignment horizontal="center" vertical="center" wrapText="1"/>
    </xf>
    <xf numFmtId="0" fontId="0" fillId="0" borderId="3" xfId="2" applyFont="1" applyBorder="1" applyAlignment="1">
      <alignment horizontal="center" vertical="center"/>
    </xf>
    <xf numFmtId="15" fontId="6" fillId="0" borderId="394" xfId="2" applyNumberFormat="1" applyFont="1" applyBorder="1" applyAlignment="1">
      <alignment horizontal="center" vertical="center" wrapText="1"/>
    </xf>
    <xf numFmtId="0" fontId="24" fillId="2" borderId="405" xfId="2" applyFont="1" applyFill="1" applyBorder="1" applyAlignment="1">
      <alignment horizontal="left" vertical="center"/>
    </xf>
    <xf numFmtId="0" fontId="24" fillId="2" borderId="501" xfId="2" applyFont="1" applyFill="1" applyBorder="1" applyAlignment="1">
      <alignment horizontal="left" vertical="center"/>
    </xf>
    <xf numFmtId="0" fontId="20" fillId="0" borderId="417" xfId="2" applyFont="1" applyBorder="1" applyAlignment="1" applyProtection="1">
      <alignment horizontal="center" vertical="center"/>
      <protection locked="0"/>
    </xf>
    <xf numFmtId="0" fontId="20" fillId="0" borderId="416" xfId="2" applyFont="1" applyBorder="1" applyAlignment="1" applyProtection="1">
      <alignment horizontal="center" vertical="center"/>
      <protection locked="0"/>
    </xf>
    <xf numFmtId="15" fontId="6" fillId="0" borderId="418" xfId="2" quotePrefix="1" applyNumberFormat="1" applyFont="1" applyBorder="1" applyAlignment="1">
      <alignment horizontal="center" vertical="center"/>
    </xf>
    <xf numFmtId="15" fontId="6" fillId="0" borderId="417" xfId="2" quotePrefix="1" applyNumberFormat="1" applyFont="1" applyBorder="1" applyAlignment="1">
      <alignment horizontal="center" vertical="center"/>
    </xf>
    <xf numFmtId="15" fontId="6" fillId="0" borderId="502" xfId="2" quotePrefix="1" applyNumberFormat="1" applyFont="1" applyBorder="1" applyAlignment="1">
      <alignment horizontal="center" vertical="center"/>
    </xf>
    <xf numFmtId="15" fontId="6" fillId="0" borderId="419" xfId="2" quotePrefix="1" applyNumberFormat="1" applyFont="1" applyBorder="1" applyAlignment="1">
      <alignment horizontal="center" vertical="center"/>
    </xf>
    <xf numFmtId="0" fontId="24" fillId="2" borderId="503" xfId="2" applyFont="1" applyFill="1" applyBorder="1" applyAlignment="1">
      <alignment horizontal="left" vertical="center"/>
    </xf>
    <xf numFmtId="0" fontId="20" fillId="23" borderId="425" xfId="2" applyFont="1" applyFill="1" applyBorder="1" applyAlignment="1">
      <alignment horizontal="center" vertical="center"/>
    </xf>
    <xf numFmtId="0" fontId="20" fillId="23" borderId="424" xfId="2" applyFont="1" applyFill="1" applyBorder="1" applyAlignment="1">
      <alignment horizontal="center" vertical="center"/>
    </xf>
    <xf numFmtId="0" fontId="19" fillId="23" borderId="426" xfId="2" applyFont="1" applyFill="1" applyBorder="1" applyAlignment="1">
      <alignment horizontal="center" vertical="center"/>
    </xf>
    <xf numFmtId="0" fontId="19" fillId="23" borderId="425" xfId="2" applyFont="1" applyFill="1" applyBorder="1" applyAlignment="1">
      <alignment horizontal="center" vertical="center"/>
    </xf>
    <xf numFmtId="0" fontId="19" fillId="23" borderId="29" xfId="2" applyFont="1" applyFill="1" applyBorder="1" applyAlignment="1">
      <alignment horizontal="center" vertical="center"/>
    </xf>
    <xf numFmtId="0" fontId="19" fillId="23" borderId="942" xfId="2" applyFont="1" applyFill="1" applyBorder="1" applyAlignment="1">
      <alignment horizontal="center" vertical="center"/>
    </xf>
    <xf numFmtId="0" fontId="0" fillId="0" borderId="0" xfId="0" applyAlignment="1">
      <alignment horizontal="center" vertical="center"/>
    </xf>
    <xf numFmtId="0" fontId="0" fillId="0" borderId="40" xfId="0" applyBorder="1" applyAlignment="1">
      <alignment horizontal="center" vertical="center"/>
    </xf>
    <xf numFmtId="0" fontId="19" fillId="23" borderId="943" xfId="2" applyFont="1" applyFill="1" applyBorder="1" applyAlignment="1">
      <alignment horizontal="center" vertical="center"/>
    </xf>
    <xf numFmtId="0" fontId="0" fillId="0" borderId="503" xfId="0" applyBorder="1" applyAlignment="1">
      <alignment horizontal="center" vertical="center"/>
    </xf>
    <xf numFmtId="0" fontId="23" fillId="0" borderId="0" xfId="2" quotePrefix="1" applyFont="1" applyAlignment="1">
      <alignment horizontal="left"/>
    </xf>
    <xf numFmtId="0" fontId="23" fillId="0" borderId="0" xfId="2" quotePrefix="1" applyFont="1" applyAlignment="1">
      <alignment horizontal="left" wrapText="1"/>
    </xf>
    <xf numFmtId="0" fontId="30" fillId="0" borderId="0" xfId="2" quotePrefix="1" applyFont="1" applyAlignment="1">
      <alignment horizontal="left" vertical="center"/>
    </xf>
    <xf numFmtId="0" fontId="30" fillId="0" borderId="0" xfId="2" applyFont="1" applyAlignment="1">
      <alignment horizontal="left" vertical="center"/>
    </xf>
    <xf numFmtId="0" fontId="36" fillId="0" borderId="0" xfId="2" applyFont="1" applyAlignment="1">
      <alignment horizontal="left" vertical="center"/>
    </xf>
    <xf numFmtId="0" fontId="45" fillId="0" borderId="0" xfId="2" applyFont="1" applyAlignment="1">
      <alignment horizontal="left" vertical="center"/>
    </xf>
    <xf numFmtId="0" fontId="45" fillId="0" borderId="0" xfId="2" applyFont="1" applyAlignment="1">
      <alignment horizontal="left" wrapText="1"/>
    </xf>
    <xf numFmtId="0" fontId="25" fillId="2" borderId="470" xfId="2" applyFont="1" applyFill="1" applyBorder="1" applyAlignment="1">
      <alignment horizontal="left" vertical="center"/>
    </xf>
    <xf numFmtId="0" fontId="26" fillId="8" borderId="435" xfId="2" applyFont="1" applyFill="1" applyBorder="1" applyAlignment="1">
      <alignment horizontal="center" vertical="center"/>
    </xf>
    <xf numFmtId="0" fontId="26" fillId="8" borderId="434" xfId="2" applyFont="1" applyFill="1" applyBorder="1" applyAlignment="1">
      <alignment horizontal="center" vertical="center"/>
    </xf>
    <xf numFmtId="0" fontId="27" fillId="8" borderId="436" xfId="2" applyFont="1" applyFill="1" applyBorder="1" applyAlignment="1">
      <alignment horizontal="center" vertical="center"/>
    </xf>
    <xf numFmtId="0" fontId="27" fillId="8" borderId="435" xfId="2" applyFont="1" applyFill="1" applyBorder="1" applyAlignment="1">
      <alignment horizontal="center" vertical="center"/>
    </xf>
    <xf numFmtId="0" fontId="27" fillId="8" borderId="434" xfId="2" applyFont="1" applyFill="1" applyBorder="1" applyAlignment="1">
      <alignment horizontal="center" vertical="center"/>
    </xf>
    <xf numFmtId="0" fontId="27" fillId="8" borderId="437" xfId="2" applyFont="1" applyFill="1" applyBorder="1" applyAlignment="1">
      <alignment horizontal="center" vertical="center"/>
    </xf>
    <xf numFmtId="0" fontId="25" fillId="2" borderId="504" xfId="2" applyFont="1" applyFill="1" applyBorder="1" applyAlignment="1">
      <alignment horizontal="left" vertical="center"/>
    </xf>
    <xf numFmtId="0" fontId="26" fillId="7" borderId="441" xfId="2" applyFont="1" applyFill="1" applyBorder="1" applyAlignment="1">
      <alignment horizontal="center" vertical="center"/>
    </xf>
    <xf numFmtId="0" fontId="26" fillId="7" borderId="440" xfId="2" applyFont="1" applyFill="1" applyBorder="1" applyAlignment="1">
      <alignment horizontal="center" vertical="center"/>
    </xf>
    <xf numFmtId="0" fontId="27" fillId="7" borderId="442" xfId="2" applyFont="1" applyFill="1" applyBorder="1" applyAlignment="1">
      <alignment horizontal="center" vertical="center"/>
    </xf>
    <xf numFmtId="0" fontId="27" fillId="7" borderId="441" xfId="2" applyFont="1" applyFill="1" applyBorder="1" applyAlignment="1">
      <alignment horizontal="center" vertical="center"/>
    </xf>
    <xf numFmtId="0" fontId="27" fillId="7" borderId="440" xfId="2" applyFont="1" applyFill="1" applyBorder="1" applyAlignment="1">
      <alignment horizontal="center" vertical="center"/>
    </xf>
    <xf numFmtId="0" fontId="30" fillId="0" borderId="0" xfId="2" applyFont="1" applyAlignment="1">
      <alignment horizontal="left" vertical="center" wrapText="1"/>
    </xf>
    <xf numFmtId="0" fontId="25" fillId="2" borderId="72" xfId="2" applyFont="1" applyFill="1" applyBorder="1" applyAlignment="1">
      <alignment horizontal="left" vertical="center"/>
    </xf>
    <xf numFmtId="0" fontId="25" fillId="2" borderId="505" xfId="19" applyFont="1" applyFill="1" applyBorder="1" applyAlignment="1">
      <alignment horizontal="left" vertical="center"/>
    </xf>
    <xf numFmtId="0" fontId="27" fillId="7" borderId="506" xfId="19" applyFont="1" applyFill="1" applyBorder="1" applyAlignment="1">
      <alignment horizontal="center" vertical="center"/>
    </xf>
    <xf numFmtId="0" fontId="27" fillId="7" borderId="83" xfId="19" applyFont="1" applyFill="1" applyBorder="1" applyAlignment="1">
      <alignment horizontal="center" vertical="center"/>
    </xf>
    <xf numFmtId="0" fontId="27" fillId="7" borderId="507" xfId="19" applyFont="1" applyFill="1" applyBorder="1" applyAlignment="1">
      <alignment horizontal="center" vertical="center"/>
    </xf>
    <xf numFmtId="0" fontId="27" fillId="7" borderId="445" xfId="19" applyFont="1" applyFill="1" applyBorder="1" applyAlignment="1">
      <alignment horizontal="center" vertical="center"/>
    </xf>
    <xf numFmtId="0" fontId="27" fillId="7" borderId="449" xfId="19" applyFont="1" applyFill="1" applyBorder="1" applyAlignment="1">
      <alignment horizontal="center" vertical="center"/>
    </xf>
    <xf numFmtId="0" fontId="27" fillId="7" borderId="508" xfId="19" applyFont="1" applyFill="1" applyBorder="1" applyAlignment="1">
      <alignment horizontal="center" vertical="center"/>
    </xf>
    <xf numFmtId="0" fontId="27" fillId="7" borderId="509" xfId="19" applyFont="1" applyFill="1" applyBorder="1" applyAlignment="1">
      <alignment horizontal="center" vertical="center"/>
    </xf>
  </cellXfs>
  <cellStyles count="27">
    <cellStyle name="Comma 10 10" xfId="24" xr:uid="{F02B6A75-9521-4D6A-A871-24E5637290B7}"/>
    <cellStyle name="Comma 105 2" xfId="18" xr:uid="{00000000-0005-0000-0000-000016000000}"/>
    <cellStyle name="Comma 106" xfId="5" xr:uid="{00000000-0005-0000-0000-000009000000}"/>
    <cellStyle name="Comma 106 2" xfId="9" xr:uid="{00000000-0005-0000-0000-00000D000000}"/>
    <cellStyle name="Comma 106 3 2" xfId="15" xr:uid="{00000000-0005-0000-0000-000013000000}"/>
    <cellStyle name="Comma 106 6" xfId="22" xr:uid="{2086F261-0E1D-43D3-89C6-121459E392AB}"/>
    <cellStyle name="Comma 11 6" xfId="23" xr:uid="{51A9C9BB-96AF-46B7-91B2-F7A4F5801C4B}"/>
    <cellStyle name="Comma 17 4" xfId="21" xr:uid="{BE06CC98-654B-49B5-A6A0-25E2A7C21D56}"/>
    <cellStyle name="Comma 2 5 2 2" xfId="26" xr:uid="{84E31325-7FF8-4A7B-8407-D0CEF545621C}"/>
    <cellStyle name="Comma 2 5 4" xfId="16" xr:uid="{00000000-0005-0000-0000-000014000000}"/>
    <cellStyle name="Comma 2 60" xfId="20" xr:uid="{00000000-0005-0000-0000-000018000000}"/>
    <cellStyle name="Comma 21 4" xfId="25" xr:uid="{3848F522-E6B6-499E-9795-C69B97968F13}"/>
    <cellStyle name="Comma 5 6" xfId="14" xr:uid="{00000000-0005-0000-0000-000012000000}"/>
    <cellStyle name="Comma 7 6" xfId="12" xr:uid="{00000000-0005-0000-0000-000010000000}"/>
    <cellStyle name="Comma 8 7" xfId="11" xr:uid="{00000000-0005-0000-0000-00000F000000}"/>
    <cellStyle name="Comma 9 9" xfId="13" xr:uid="{00000000-0005-0000-0000-000011000000}"/>
    <cellStyle name="Hyperlink" xfId="3" xr:uid="{00000000-0005-0000-0000-000007000000}"/>
    <cellStyle name="Normal" xfId="0" builtinId="0"/>
    <cellStyle name="Normal 13" xfId="2" xr:uid="{00000000-0005-0000-0000-000006000000}"/>
    <cellStyle name="Normal 13 10" xfId="8" xr:uid="{00000000-0005-0000-0000-00000C000000}"/>
    <cellStyle name="Normal 13 6" xfId="6" xr:uid="{00000000-0005-0000-0000-00000A000000}"/>
    <cellStyle name="Normal 13 7" xfId="10" xr:uid="{00000000-0005-0000-0000-00000E000000}"/>
    <cellStyle name="Normal 13 8" xfId="7" xr:uid="{00000000-0005-0000-0000-00000B000000}"/>
    <cellStyle name="Normal 13 9" xfId="17" xr:uid="{00000000-0005-0000-0000-000015000000}"/>
    <cellStyle name="Normal 2 3" xfId="19" xr:uid="{00000000-0005-0000-0000-000017000000}"/>
    <cellStyle name="Normal 50" xfId="4" xr:uid="{00000000-0005-0000-0000-00000800000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10.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1.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2.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3.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4.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5.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6.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7.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8.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9.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20.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1.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2.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3.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4.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5.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6.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7.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8.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29.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3.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30.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31.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32.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33.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34.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35.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36.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4.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5.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6.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7.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8.v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9.vml.rels><?xml version="1.0" encoding="UTF-8" standalone="yes"?>
<Relationships xmlns="http://schemas.openxmlformats.org/package/2006/relationships"><Relationship Id="rId1" Type="http://schemas.openxmlformats.org/officeDocument/2006/relationships/image" Target="../media/image3.png"/></Relationships>
</file>

<file path=xl/drawings/drawing1.xml><?xml version="1.0" encoding="utf-8"?>
<xdr:wsDr xmlns:xdr="http://schemas.openxmlformats.org/drawingml/2006/spreadsheetDrawing" xmlns:a="http://schemas.openxmlformats.org/drawingml/2006/main">
  <xdr:twoCellAnchor>
    <xdr:from>
      <xdr:col>0</xdr:col>
      <xdr:colOff>27214</xdr:colOff>
      <xdr:row>0</xdr:row>
      <xdr:rowOff>27214</xdr:rowOff>
    </xdr:from>
    <xdr:to>
      <xdr:col>17</xdr:col>
      <xdr:colOff>0</xdr:colOff>
      <xdr:row>34</xdr:row>
      <xdr:rowOff>163286</xdr:rowOff>
    </xdr:to>
    <xdr:sp macro="" textlink="" fLocksText="0">
      <xdr:nvSpPr>
        <xdr:cNvPr id="3" name="Rectangle 2">
          <a:extLst>
            <a:ext uri="{FF2B5EF4-FFF2-40B4-BE49-F238E27FC236}">
              <a16:creationId xmlns:a16="http://schemas.microsoft.com/office/drawing/2014/main" id="{00000000-0008-0000-0000-000003000000}"/>
            </a:ext>
          </a:extLst>
        </xdr:cNvPr>
        <xdr:cNvSpPr/>
      </xdr:nvSpPr>
      <xdr:spPr>
        <a:xfrm>
          <a:off x="28575" y="28575"/>
          <a:ext cx="10877550" cy="8829675"/>
        </a:xfrm>
        <a:prstGeom prst="rect">
          <a:avLst/>
        </a:prstGeom>
        <a:noFill/>
        <a:ln w="38100">
          <a:solidFill>
            <a:srgbClr val="FF0000"/>
          </a:solidFill>
        </a:ln>
        <a:effectLst>
          <a:outerShdw blurRad="50800" dist="38100" dir="2700000" algn="tl" rotWithShape="0">
            <a:prstClr val="black">
              <a:alpha val="40000"/>
            </a:prstClr>
          </a:outerShdw>
        </a:effectLst>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anchor="t"/>
        <a:lstStyle/>
        <a:p>
          <a:pPr algn="l"/>
          <a:endParaRPr lang="en-CA" sz="1100"/>
        </a:p>
      </xdr:txBody>
    </xdr:sp>
    <xdr:clientData/>
  </xdr:twoCellAnchor>
  <xdr:twoCellAnchor editAs="oneCell">
    <xdr:from>
      <xdr:col>0</xdr:col>
      <xdr:colOff>263692</xdr:colOff>
      <xdr:row>3</xdr:row>
      <xdr:rowOff>105834</xdr:rowOff>
    </xdr:from>
    <xdr:to>
      <xdr:col>6</xdr:col>
      <xdr:colOff>171450</xdr:colOff>
      <xdr:row>6</xdr:row>
      <xdr:rowOff>174438</xdr:rowOff>
    </xdr:to>
    <xdr:pic>
      <xdr:nvPicPr>
        <xdr:cNvPr id="4" name="Image 3">
          <a:extLst>
            <a:ext uri="{FF2B5EF4-FFF2-40B4-BE49-F238E27FC236}">
              <a16:creationId xmlns:a16="http://schemas.microsoft.com/office/drawing/2014/main" id="{074D69C0-4FF3-4B49-AB2A-C969B9A2C23F}"/>
            </a:ext>
          </a:extLst>
        </xdr:cNvPr>
        <xdr:cNvPicPr>
          <a:picLocks noChangeAspect="1"/>
        </xdr:cNvPicPr>
      </xdr:nvPicPr>
      <xdr:blipFill rotWithShape="1">
        <a:blip xmlns:r="http://schemas.openxmlformats.org/officeDocument/2006/relationships" r:embed="rId1" cstate="print">
          <a:extLst>
            <a:ext uri="{28A0092B-C50C-407E-A947-70E740481C1C}">
              <a14:useLocalDpi xmlns:a14="http://schemas.microsoft.com/office/drawing/2010/main" val="0"/>
            </a:ext>
          </a:extLst>
        </a:blip>
        <a:srcRect r="3022"/>
        <a:stretch/>
      </xdr:blipFill>
      <xdr:spPr bwMode="auto">
        <a:xfrm>
          <a:off x="263692" y="677334"/>
          <a:ext cx="4432133" cy="640104"/>
        </a:xfrm>
        <a:prstGeom prst="rect">
          <a:avLst/>
        </a:prstGeom>
        <a:noFill/>
        <a:ln>
          <a:noFill/>
        </a:ln>
      </xdr:spPr>
    </xdr:pic>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Joe_SFI_Template_v1.5.1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Joe_SFI_Template_v1.9_202304171"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ome"/>
      <sheetName val="Cover_M"/>
      <sheetName val="ToC_M"/>
      <sheetName val="Cover_Q"/>
      <sheetName val="ToC_Q"/>
    </sheetNames>
    <sheetDataSet>
      <sheetData sheetId="0" refreshError="1">
        <row r="7">
          <cell r="D7" t="str">
            <v>FY2022</v>
          </cell>
        </row>
        <row r="8">
          <cell r="D8" t="str">
            <v>Q4 2022</v>
          </cell>
        </row>
      </sheetData>
      <sheetData sheetId="1" refreshError="1"/>
      <sheetData sheetId="2" refreshError="1"/>
      <sheetData sheetId="3" refreshError="1"/>
      <sheetData sheetId="4"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ome"/>
      <sheetName val="Cover"/>
      <sheetName val="ToC"/>
      <sheetName val="Notes_1"/>
      <sheetName val="Notes_2"/>
      <sheetName val="Notes_3"/>
      <sheetName val="EDTF"/>
      <sheetName val="1"/>
      <sheetName val="2"/>
      <sheetName val="3"/>
      <sheetName val="4"/>
      <sheetName val="5"/>
      <sheetName val="6"/>
      <sheetName val="7"/>
      <sheetName val="8"/>
      <sheetName val="9"/>
      <sheetName val="10"/>
      <sheetName val="11"/>
      <sheetName val="12"/>
      <sheetName val="13"/>
      <sheetName val="14"/>
      <sheetName val="15"/>
      <sheetName val="16"/>
      <sheetName val="17"/>
      <sheetName val="18"/>
      <sheetName val="19"/>
      <sheetName val="20"/>
      <sheetName val="21"/>
      <sheetName val="22"/>
      <sheetName val="23"/>
      <sheetName val="24"/>
      <sheetName val="25"/>
      <sheetName val="26"/>
      <sheetName val="27"/>
      <sheetName val="28"/>
      <sheetName val="29"/>
      <sheetName val="30"/>
      <sheetName val="31"/>
      <sheetName val="Joe_SFI_Template_v1"/>
    </sheetNames>
    <sheetDataSet>
      <sheetData sheetId="0" refreshError="1">
        <row r="7">
          <cell r="D7" t="str">
            <v>FY2023</v>
          </cell>
        </row>
        <row r="8">
          <cell r="D8" t="str">
            <v>Q2 2023</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theme/theme1.xml><?xml version="1.0" encoding="utf-8"?>
<a:theme xmlns:a="http://schemas.openxmlformats.org/drawingml/2006/main" name="Office Theme">
  <a:themeElements>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vmlDrawing" Target="../drawings/vmlDrawing9.v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vmlDrawing" Target="../drawings/vmlDrawing10.v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vmlDrawing" Target="../drawings/vmlDrawing11.v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vmlDrawing" Target="../drawings/vmlDrawing12.v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vmlDrawing" Target="../drawings/vmlDrawing13.v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vmlDrawing" Target="../drawings/vmlDrawing14.v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vmlDrawing" Target="../drawings/vmlDrawing15.v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vmlDrawing" Target="../drawings/vmlDrawing16.v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vmlDrawing" Target="../drawings/vmlDrawing17.v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vmlDrawing" Target="../drawings/vmlDrawing18.v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vmlDrawing" Target="../drawings/vmlDrawing19.vml"/><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2" Type="http://schemas.openxmlformats.org/officeDocument/2006/relationships/vmlDrawing" Target="../drawings/vmlDrawing20.v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2" Type="http://schemas.openxmlformats.org/officeDocument/2006/relationships/vmlDrawing" Target="../drawings/vmlDrawing21.vml"/><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2" Type="http://schemas.openxmlformats.org/officeDocument/2006/relationships/vmlDrawing" Target="../drawings/vmlDrawing22.v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2" Type="http://schemas.openxmlformats.org/officeDocument/2006/relationships/vmlDrawing" Target="../drawings/vmlDrawing23.vml"/><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 Type="http://schemas.openxmlformats.org/officeDocument/2006/relationships/vmlDrawing" Target="../drawings/vmlDrawing24.v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 Type="http://schemas.openxmlformats.org/officeDocument/2006/relationships/vmlDrawing" Target="../drawings/vmlDrawing25.vml"/><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2" Type="http://schemas.openxmlformats.org/officeDocument/2006/relationships/vmlDrawing" Target="../drawings/vmlDrawing26.vml"/><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2" Type="http://schemas.openxmlformats.org/officeDocument/2006/relationships/vmlDrawing" Target="../drawings/vmlDrawing27.vml"/><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2" Type="http://schemas.openxmlformats.org/officeDocument/2006/relationships/vmlDrawing" Target="../drawings/vmlDrawing28.vml"/><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vmlDrawing" Target="../drawings/vmlDrawing29.vml"/><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2" Type="http://schemas.openxmlformats.org/officeDocument/2006/relationships/vmlDrawing" Target="../drawings/vmlDrawing30.vml"/><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2" Type="http://schemas.openxmlformats.org/officeDocument/2006/relationships/vmlDrawing" Target="../drawings/vmlDrawing31.vml"/><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2" Type="http://schemas.openxmlformats.org/officeDocument/2006/relationships/vmlDrawing" Target="../drawings/vmlDrawing32.vml"/><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2" Type="http://schemas.openxmlformats.org/officeDocument/2006/relationships/vmlDrawing" Target="../drawings/vmlDrawing33.vml"/><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2" Type="http://schemas.openxmlformats.org/officeDocument/2006/relationships/vmlDrawing" Target="../drawings/vmlDrawing34.vml"/><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2" Type="http://schemas.openxmlformats.org/officeDocument/2006/relationships/vmlDrawing" Target="../drawings/vmlDrawing35.vml"/><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2" Type="http://schemas.openxmlformats.org/officeDocument/2006/relationships/vmlDrawing" Target="../drawings/vmlDrawing36.vml"/><Relationship Id="rId1" Type="http://schemas.openxmlformats.org/officeDocument/2006/relationships/printerSettings" Target="../printerSettings/printerSettings37.bin"/></Relationships>
</file>

<file path=xl/worksheets/_rels/sheet4.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vmlDrawing" Target="../drawings/vmlDrawing4.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vmlDrawing" Target="../drawings/vmlDrawing5.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vmlDrawing" Target="../drawings/vmlDrawing6.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vmlDrawing" Target="../drawings/vmlDrawing7.v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vmlDrawing" Target="../drawings/vmlDrawing8.v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541B511-D097-46F0-B63E-0E037C7BFEEE}">
  <sheetPr codeName="Sheet2"/>
  <dimension ref="B1:P34"/>
  <sheetViews>
    <sheetView showGridLines="0" tabSelected="1" zoomScaleNormal="100" workbookViewId="0"/>
  </sheetViews>
  <sheetFormatPr defaultColWidth="9.1796875" defaultRowHeight="15" customHeight="1" x14ac:dyDescent="0.35"/>
  <cols>
    <col min="1" max="1" width="20.7265625" customWidth="1"/>
    <col min="2" max="2" width="5.7265625" customWidth="1"/>
    <col min="3" max="15" width="9.1796875" customWidth="1"/>
    <col min="16" max="16" width="44.81640625" customWidth="1"/>
    <col min="17" max="17" width="9.1796875" customWidth="1"/>
    <col min="18" max="18" width="3" customWidth="1"/>
    <col min="19" max="19" width="14.7265625" bestFit="1" customWidth="1"/>
    <col min="20" max="20" width="9.1796875" customWidth="1"/>
    <col min="21" max="21" width="2" customWidth="1"/>
    <col min="22" max="22" width="31.54296875" customWidth="1"/>
    <col min="23" max="23" width="3.81640625" customWidth="1"/>
  </cols>
  <sheetData>
    <row r="1" spans="2:16" ht="14.5" x14ac:dyDescent="0.35"/>
    <row r="2" spans="2:16" ht="15" customHeight="1" x14ac:dyDescent="0.35">
      <c r="B2" s="1"/>
      <c r="C2" s="2"/>
      <c r="D2" s="2"/>
      <c r="E2" s="3"/>
      <c r="F2" s="3"/>
      <c r="G2" s="3"/>
      <c r="H2" s="3"/>
      <c r="I2" s="3"/>
      <c r="J2" s="3"/>
      <c r="K2" s="3"/>
      <c r="L2" s="3"/>
      <c r="M2" s="3"/>
      <c r="N2" s="3"/>
      <c r="O2" s="3"/>
      <c r="P2" s="3"/>
    </row>
    <row r="3" spans="2:16" ht="15" customHeight="1" x14ac:dyDescent="0.35">
      <c r="B3" s="1"/>
      <c r="C3" s="2"/>
      <c r="D3" s="2"/>
      <c r="E3" s="3"/>
      <c r="F3" s="3"/>
      <c r="G3" s="3"/>
      <c r="H3" s="3"/>
      <c r="I3" s="3"/>
      <c r="J3" s="3"/>
      <c r="K3" s="3"/>
      <c r="L3" s="3"/>
      <c r="M3" s="3"/>
      <c r="N3" s="3"/>
      <c r="O3" s="3"/>
      <c r="P3" s="3"/>
    </row>
    <row r="4" spans="2:16" ht="15" customHeight="1" x14ac:dyDescent="0.35">
      <c r="B4" s="1"/>
      <c r="C4" s="2"/>
      <c r="D4" s="2"/>
      <c r="E4" s="3"/>
      <c r="F4" s="3"/>
      <c r="G4" s="3"/>
      <c r="H4" s="3"/>
      <c r="I4" s="3"/>
      <c r="J4" s="3"/>
      <c r="K4" s="3"/>
      <c r="L4" s="3"/>
      <c r="M4" s="3"/>
      <c r="N4" s="3"/>
      <c r="O4" s="3"/>
      <c r="P4" s="3"/>
    </row>
    <row r="5" spans="2:16" ht="15" customHeight="1" x14ac:dyDescent="0.35">
      <c r="B5" s="1"/>
      <c r="C5" s="2"/>
      <c r="D5" s="2"/>
      <c r="E5" s="3"/>
      <c r="F5" s="3"/>
      <c r="G5" s="3"/>
      <c r="H5" s="3"/>
      <c r="I5" s="3"/>
      <c r="J5" s="3"/>
      <c r="K5" s="3"/>
      <c r="L5" s="3"/>
      <c r="M5" s="3"/>
      <c r="N5" s="3"/>
      <c r="O5" s="3"/>
      <c r="P5" s="3"/>
    </row>
    <row r="6" spans="2:16" ht="15" customHeight="1" x14ac:dyDescent="0.35">
      <c r="B6" s="1"/>
      <c r="C6" s="2"/>
      <c r="D6" s="2"/>
      <c r="E6" s="3"/>
      <c r="F6" s="3"/>
      <c r="G6" s="3"/>
      <c r="H6" s="3"/>
      <c r="I6" s="3"/>
      <c r="J6" s="3"/>
      <c r="K6" s="3"/>
      <c r="L6" s="3"/>
      <c r="M6" s="3"/>
      <c r="N6" s="3"/>
      <c r="O6" s="3"/>
      <c r="P6" s="3"/>
    </row>
    <row r="7" spans="2:16" ht="15" customHeight="1" x14ac:dyDescent="0.35">
      <c r="B7" s="1"/>
      <c r="C7" s="2"/>
      <c r="D7" s="2"/>
      <c r="E7" s="3"/>
      <c r="F7" s="3"/>
      <c r="G7" s="3"/>
      <c r="H7" s="3"/>
      <c r="I7" s="3"/>
      <c r="J7" s="3"/>
      <c r="K7" s="3"/>
      <c r="L7" s="3"/>
      <c r="M7" s="3"/>
      <c r="N7" s="3"/>
      <c r="O7" s="3"/>
      <c r="P7" s="3"/>
    </row>
    <row r="8" spans="2:16" ht="15" customHeight="1" x14ac:dyDescent="0.35">
      <c r="B8" s="1"/>
      <c r="C8" s="2"/>
      <c r="D8" s="2"/>
      <c r="E8" s="3"/>
      <c r="F8" s="3"/>
      <c r="G8" s="3"/>
      <c r="H8" s="3"/>
      <c r="I8" s="3"/>
      <c r="J8" s="3"/>
      <c r="K8" s="3"/>
      <c r="L8" s="3"/>
      <c r="M8" s="3"/>
      <c r="N8" s="3"/>
      <c r="O8" s="3"/>
      <c r="P8" s="3"/>
    </row>
    <row r="9" spans="2:16" ht="15" customHeight="1" x14ac:dyDescent="0.35">
      <c r="B9" s="1"/>
      <c r="C9" s="2"/>
      <c r="D9" s="2"/>
      <c r="E9" s="3"/>
      <c r="F9" s="3"/>
      <c r="G9" s="3"/>
      <c r="H9" s="3"/>
      <c r="I9" s="3"/>
      <c r="J9" s="3"/>
      <c r="K9" s="3"/>
      <c r="L9" s="3"/>
      <c r="M9" s="3"/>
      <c r="N9" s="3"/>
      <c r="O9" s="3"/>
      <c r="P9" s="3"/>
    </row>
    <row r="10" spans="2:16" ht="15" customHeight="1" x14ac:dyDescent="0.35">
      <c r="B10" s="1"/>
      <c r="C10" s="2"/>
      <c r="D10" s="2"/>
      <c r="E10" s="3"/>
      <c r="F10" s="3"/>
      <c r="G10" s="3"/>
      <c r="H10" s="3"/>
      <c r="I10" s="3"/>
      <c r="J10" s="3"/>
      <c r="K10" s="3"/>
      <c r="L10" s="3"/>
      <c r="M10" s="3"/>
      <c r="N10" s="3"/>
      <c r="O10" s="3"/>
      <c r="P10" s="3"/>
    </row>
    <row r="11" spans="2:16" ht="15" customHeight="1" x14ac:dyDescent="0.35">
      <c r="B11" s="1"/>
      <c r="C11" s="2"/>
      <c r="D11" s="2"/>
      <c r="E11" s="3"/>
      <c r="F11" s="3"/>
      <c r="G11" s="3"/>
      <c r="H11" s="3"/>
      <c r="I11" s="3"/>
      <c r="J11" s="3"/>
      <c r="K11" s="3"/>
      <c r="L11" s="3"/>
      <c r="M11" s="3"/>
      <c r="N11" s="3"/>
      <c r="O11" s="3"/>
      <c r="P11" s="3"/>
    </row>
    <row r="12" spans="2:16" ht="15" customHeight="1" x14ac:dyDescent="0.35">
      <c r="B12" s="1"/>
      <c r="C12" s="2"/>
      <c r="D12" s="2"/>
      <c r="E12" s="3"/>
      <c r="F12" s="3"/>
      <c r="G12" s="3"/>
      <c r="H12" s="3"/>
      <c r="I12" s="3"/>
      <c r="J12" s="3"/>
      <c r="K12" s="3"/>
      <c r="L12" s="3"/>
      <c r="M12" s="3"/>
      <c r="N12" s="3"/>
      <c r="O12" s="3"/>
      <c r="P12" s="3"/>
    </row>
    <row r="13" spans="2:16" ht="15" customHeight="1" x14ac:dyDescent="0.35">
      <c r="B13" s="1"/>
      <c r="C13" s="2"/>
      <c r="D13" s="2"/>
      <c r="E13" s="3"/>
      <c r="F13" s="3"/>
      <c r="G13" s="3"/>
      <c r="H13" s="3"/>
      <c r="I13" s="3"/>
      <c r="J13" s="3"/>
      <c r="K13" s="3"/>
      <c r="L13" s="3"/>
      <c r="M13" s="3"/>
      <c r="N13" s="3"/>
      <c r="O13" s="3"/>
      <c r="P13" s="3"/>
    </row>
    <row r="14" spans="2:16" ht="15" customHeight="1" x14ac:dyDescent="0.35">
      <c r="B14" s="2"/>
      <c r="C14" s="3"/>
      <c r="D14" s="3"/>
      <c r="E14" s="3"/>
      <c r="F14" s="3"/>
      <c r="G14" s="3"/>
      <c r="H14" s="3"/>
      <c r="I14" s="3"/>
      <c r="J14" s="3"/>
      <c r="K14" s="3"/>
      <c r="L14" s="3"/>
      <c r="M14" s="3"/>
      <c r="N14" s="3"/>
      <c r="O14" s="3"/>
      <c r="P14" s="3"/>
    </row>
    <row r="15" spans="2:16" ht="15" customHeight="1" x14ac:dyDescent="0.35">
      <c r="B15" s="2"/>
      <c r="C15" s="3"/>
      <c r="D15" s="3"/>
      <c r="E15" s="3"/>
      <c r="F15" s="3"/>
      <c r="G15" s="3"/>
      <c r="H15" s="3"/>
      <c r="I15" s="3"/>
      <c r="J15" s="3"/>
      <c r="K15" s="3"/>
      <c r="L15" s="3"/>
      <c r="M15" s="3"/>
      <c r="N15" s="3"/>
      <c r="O15" s="3"/>
      <c r="P15" s="3"/>
    </row>
    <row r="16" spans="2:16" ht="15" customHeight="1" x14ac:dyDescent="0.35">
      <c r="B16" s="2"/>
      <c r="C16" s="3"/>
      <c r="D16" s="3"/>
      <c r="E16" s="3"/>
      <c r="F16" s="3"/>
      <c r="G16" s="3"/>
      <c r="H16" s="3"/>
      <c r="I16" s="3"/>
      <c r="J16" s="3"/>
      <c r="K16" s="3"/>
      <c r="L16" s="3"/>
      <c r="M16" s="3"/>
      <c r="N16" s="3"/>
      <c r="O16" s="3"/>
      <c r="P16" s="3"/>
    </row>
    <row r="17" spans="2:16" ht="79.5" customHeight="1" x14ac:dyDescent="0.35">
      <c r="B17" s="1"/>
      <c r="C17" s="3093" t="s">
        <v>0</v>
      </c>
      <c r="D17" s="3093"/>
      <c r="E17" s="3093"/>
      <c r="F17" s="3093"/>
      <c r="G17" s="3093"/>
      <c r="H17" s="3093"/>
      <c r="I17" s="3093"/>
      <c r="J17" s="3093"/>
      <c r="K17" s="3093"/>
      <c r="L17" s="3093"/>
      <c r="M17" s="3093"/>
      <c r="N17" s="3093"/>
      <c r="O17" s="3093"/>
      <c r="P17" s="3093"/>
    </row>
    <row r="18" spans="2:16" ht="79.5" customHeight="1" x14ac:dyDescent="1.7">
      <c r="B18" s="1"/>
      <c r="C18" s="3094" t="s">
        <v>1</v>
      </c>
      <c r="D18" s="3094"/>
      <c r="E18" s="3094"/>
      <c r="F18" s="3094"/>
      <c r="G18" s="3094"/>
      <c r="H18" s="3094"/>
      <c r="I18" s="3094"/>
      <c r="J18" s="3094"/>
      <c r="K18" s="3094"/>
      <c r="L18" s="3094"/>
      <c r="M18" s="3094"/>
      <c r="N18" s="3094"/>
      <c r="O18" s="3094"/>
      <c r="P18" s="3094"/>
    </row>
    <row r="19" spans="2:16" ht="15" customHeight="1" x14ac:dyDescent="1.35">
      <c r="B19" s="1"/>
      <c r="C19" s="3095"/>
      <c r="D19" s="3095"/>
      <c r="E19" s="3095"/>
      <c r="F19" s="3095"/>
      <c r="G19" s="3095"/>
      <c r="H19" s="3095"/>
      <c r="I19" s="3095"/>
      <c r="J19" s="3095"/>
      <c r="K19" s="3095"/>
      <c r="L19" s="3095"/>
      <c r="M19" s="3095"/>
      <c r="N19" s="3095"/>
      <c r="O19" s="3095"/>
      <c r="P19" s="3095"/>
    </row>
    <row r="20" spans="2:16" ht="36" customHeight="1" x14ac:dyDescent="0.35">
      <c r="B20" s="1"/>
      <c r="C20" s="3096" t="s">
        <v>2</v>
      </c>
      <c r="D20" s="3096"/>
      <c r="E20" s="3096"/>
      <c r="F20" s="3096"/>
      <c r="G20" s="3096"/>
      <c r="H20" s="3096"/>
      <c r="I20" s="3096"/>
      <c r="J20" s="3096"/>
      <c r="K20" s="3096"/>
      <c r="L20" s="3096"/>
      <c r="M20" s="3096"/>
      <c r="N20" s="3096"/>
      <c r="O20" s="3096"/>
      <c r="P20" s="3096"/>
    </row>
    <row r="21" spans="2:16" ht="32.15" customHeight="1" x14ac:dyDescent="0.35">
      <c r="B21" s="1"/>
      <c r="C21" s="3097" t="s">
        <v>3</v>
      </c>
      <c r="D21" s="3097"/>
      <c r="E21" s="3097"/>
      <c r="F21" s="3097"/>
      <c r="G21" s="3097"/>
      <c r="H21" s="3097"/>
      <c r="I21" s="3097"/>
      <c r="J21" s="3097"/>
      <c r="K21" s="3097"/>
      <c r="L21" s="3097"/>
      <c r="M21" s="3097"/>
      <c r="N21" s="3097"/>
      <c r="O21" s="3097"/>
      <c r="P21" s="3097"/>
    </row>
    <row r="22" spans="2:16" ht="15" customHeight="1" x14ac:dyDescent="0.35">
      <c r="B22" s="1"/>
      <c r="C22" s="3"/>
      <c r="D22" s="3"/>
      <c r="E22" s="3"/>
      <c r="F22" s="3"/>
      <c r="G22" s="3"/>
      <c r="H22" s="3"/>
      <c r="I22" s="3"/>
      <c r="J22" s="3"/>
      <c r="K22" s="3"/>
      <c r="L22" s="3"/>
      <c r="M22" s="3"/>
      <c r="N22" s="3"/>
      <c r="O22" s="3"/>
      <c r="P22" s="3"/>
    </row>
    <row r="23" spans="2:16" ht="15" customHeight="1" x14ac:dyDescent="0.35">
      <c r="B23" s="1"/>
      <c r="C23" s="3"/>
      <c r="D23" s="3"/>
      <c r="E23" s="3"/>
      <c r="F23" s="3"/>
      <c r="G23" s="3"/>
      <c r="H23" s="3"/>
      <c r="I23" s="3"/>
      <c r="J23" s="3"/>
      <c r="K23" s="3"/>
      <c r="L23" s="3"/>
      <c r="M23" s="3"/>
      <c r="N23" s="3"/>
      <c r="O23" s="3"/>
      <c r="P23" s="3"/>
    </row>
    <row r="24" spans="2:16" ht="15" customHeight="1" x14ac:dyDescent="0.35">
      <c r="B24" s="1"/>
      <c r="C24" s="3"/>
      <c r="D24" s="3"/>
      <c r="E24" s="3"/>
      <c r="F24" s="3"/>
      <c r="G24" s="3"/>
      <c r="H24" s="3"/>
      <c r="I24" s="3"/>
      <c r="J24" s="3"/>
      <c r="K24" s="3"/>
      <c r="L24" s="3"/>
      <c r="M24" s="3"/>
      <c r="N24" s="3"/>
      <c r="O24" s="3"/>
      <c r="P24" s="3"/>
    </row>
    <row r="25" spans="2:16" ht="15" customHeight="1" x14ac:dyDescent="0.35">
      <c r="B25" s="1"/>
      <c r="C25" s="3"/>
      <c r="D25" s="3"/>
      <c r="E25" s="3"/>
      <c r="F25" s="3"/>
      <c r="G25" s="3"/>
      <c r="H25" s="3"/>
      <c r="I25" s="3"/>
      <c r="J25" s="3"/>
      <c r="K25" s="3"/>
      <c r="L25" s="3"/>
      <c r="M25" s="3"/>
      <c r="N25" s="3"/>
      <c r="O25" s="3"/>
      <c r="P25" s="3"/>
    </row>
    <row r="26" spans="2:16" ht="15" customHeight="1" x14ac:dyDescent="0.35">
      <c r="B26" s="1"/>
      <c r="C26" s="3"/>
      <c r="D26" s="3"/>
      <c r="E26" s="3"/>
      <c r="F26" s="3"/>
      <c r="G26" s="3"/>
      <c r="H26" s="3"/>
      <c r="I26" s="3"/>
      <c r="J26" s="3"/>
      <c r="K26" s="3"/>
      <c r="L26" s="3"/>
      <c r="M26" s="3"/>
      <c r="N26" s="3"/>
      <c r="O26" s="3"/>
      <c r="P26" s="3"/>
    </row>
    <row r="27" spans="2:16" ht="15" customHeight="1" x14ac:dyDescent="0.35">
      <c r="B27" s="1"/>
      <c r="C27" s="3"/>
      <c r="D27" s="3"/>
      <c r="E27" s="3"/>
      <c r="F27" s="3"/>
      <c r="G27" s="3"/>
      <c r="H27" s="3"/>
      <c r="I27" s="3"/>
      <c r="J27" s="3"/>
      <c r="K27" s="3"/>
      <c r="L27" s="3"/>
      <c r="M27" s="3"/>
      <c r="N27" s="3"/>
      <c r="O27" s="3"/>
      <c r="P27" s="3"/>
    </row>
    <row r="28" spans="2:16" ht="15" customHeight="1" x14ac:dyDescent="0.35">
      <c r="B28" s="1"/>
      <c r="C28" s="3"/>
      <c r="D28" s="3"/>
      <c r="E28" s="3"/>
      <c r="F28" s="3"/>
      <c r="G28" s="3"/>
      <c r="H28" s="3"/>
      <c r="I28" s="3"/>
      <c r="J28" s="3"/>
      <c r="K28" s="3"/>
      <c r="L28" s="3"/>
      <c r="M28" s="3"/>
      <c r="N28" s="3"/>
      <c r="O28" s="3"/>
      <c r="P28" s="3"/>
    </row>
    <row r="29" spans="2:16" ht="20.149999999999999" customHeight="1" x14ac:dyDescent="0.35">
      <c r="B29" s="1"/>
      <c r="C29" s="3092"/>
      <c r="D29" s="3092"/>
      <c r="E29" s="3092"/>
      <c r="F29" s="3092"/>
      <c r="G29" s="3092"/>
      <c r="H29" s="3092"/>
      <c r="I29" s="3092"/>
      <c r="J29" s="3092"/>
      <c r="K29" s="3092"/>
      <c r="L29" s="3092"/>
      <c r="M29" s="3092"/>
      <c r="N29" s="3092"/>
      <c r="O29" s="3092"/>
      <c r="P29" s="3092"/>
    </row>
    <row r="30" spans="2:16" ht="50.25" customHeight="1" x14ac:dyDescent="0.55000000000000004">
      <c r="B30" s="1"/>
      <c r="C30" s="3090" t="s">
        <v>887</v>
      </c>
      <c r="D30" s="3090"/>
      <c r="E30" s="3090"/>
      <c r="F30" s="3090"/>
      <c r="G30" s="3090"/>
      <c r="H30" s="3090"/>
      <c r="I30" s="3090"/>
      <c r="J30" s="3090"/>
      <c r="K30" s="3090"/>
      <c r="L30" s="3090"/>
      <c r="M30" s="3090"/>
      <c r="N30" s="3090"/>
      <c r="O30" s="3090"/>
      <c r="P30" s="3090"/>
    </row>
    <row r="31" spans="2:16" ht="15" customHeight="1" x14ac:dyDescent="0.35">
      <c r="B31" s="1"/>
      <c r="C31" s="3091" t="s">
        <v>4</v>
      </c>
      <c r="D31" s="3091"/>
      <c r="E31" s="3091"/>
      <c r="F31" s="3091"/>
      <c r="G31" s="3091"/>
      <c r="H31" s="3091"/>
      <c r="I31" s="3091"/>
      <c r="J31" s="3091"/>
      <c r="K31" s="3091"/>
      <c r="L31" s="3091"/>
      <c r="M31" s="3091"/>
      <c r="N31" s="3091"/>
      <c r="O31" s="3091"/>
      <c r="P31" s="3091"/>
    </row>
    <row r="32" spans="2:16" ht="15" customHeight="1" x14ac:dyDescent="0.35">
      <c r="B32" s="1"/>
      <c r="C32" s="3091" t="s">
        <v>5</v>
      </c>
      <c r="D32" s="3091"/>
      <c r="E32" s="3091"/>
      <c r="F32" s="3091"/>
      <c r="G32" s="3091"/>
      <c r="H32" s="3091"/>
      <c r="I32" s="3091"/>
      <c r="J32" s="3091"/>
      <c r="K32" s="3091"/>
      <c r="L32" s="3091"/>
      <c r="M32" s="3091"/>
      <c r="N32" s="3091"/>
      <c r="O32" s="3091"/>
      <c r="P32" s="3091"/>
    </row>
    <row r="33" spans="2:16" ht="15" customHeight="1" x14ac:dyDescent="0.35">
      <c r="B33" s="1"/>
      <c r="C33" s="3091" t="s">
        <v>6</v>
      </c>
      <c r="D33" s="3091"/>
      <c r="E33" s="3091"/>
      <c r="F33" s="3091"/>
      <c r="G33" s="3091"/>
      <c r="H33" s="3091"/>
      <c r="I33" s="3091"/>
      <c r="J33" s="3091"/>
      <c r="K33" s="3091"/>
      <c r="L33" s="3091"/>
      <c r="M33" s="3091"/>
      <c r="N33" s="3091"/>
      <c r="O33" s="3091"/>
      <c r="P33" s="3091"/>
    </row>
    <row r="34" spans="2:16" ht="15" customHeight="1" x14ac:dyDescent="0.35">
      <c r="B34" s="1"/>
      <c r="C34" s="3091"/>
      <c r="D34" s="3091"/>
      <c r="E34" s="3091"/>
      <c r="F34" s="3091"/>
      <c r="G34" s="3091"/>
      <c r="H34" s="3091"/>
      <c r="I34" s="3091"/>
      <c r="J34" s="3091"/>
      <c r="K34" s="3091"/>
      <c r="L34" s="3091"/>
      <c r="M34" s="3091"/>
      <c r="N34" s="3091"/>
      <c r="O34" s="3091"/>
      <c r="P34" s="3091"/>
    </row>
  </sheetData>
  <mergeCells count="11">
    <mergeCell ref="C29:P29"/>
    <mergeCell ref="C17:P17"/>
    <mergeCell ref="C18:P18"/>
    <mergeCell ref="C19:P19"/>
    <mergeCell ref="C20:P20"/>
    <mergeCell ref="C21:P21"/>
    <mergeCell ref="C30:P30"/>
    <mergeCell ref="C31:P31"/>
    <mergeCell ref="C32:P32"/>
    <mergeCell ref="C33:P33"/>
    <mergeCell ref="C34:P34"/>
  </mergeCells>
  <printOptions horizontalCentered="1" verticalCentered="1"/>
  <pageMargins left="0.51181102362204722" right="0.51181102362204722" top="0.51181102362204722" bottom="0.51181102362204722" header="0.23622047244094491" footer="0.23622047244094491"/>
  <pageSetup scale="63" firstPageNumber="6" orientation="landscape"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49F13F-3FB0-4723-8AE5-5B223E11CCD8}">
  <sheetPr>
    <pageSetUpPr fitToPage="1"/>
  </sheetPr>
  <dimension ref="A1:N60"/>
  <sheetViews>
    <sheetView showGridLines="0" zoomScaleNormal="100" workbookViewId="0"/>
  </sheetViews>
  <sheetFormatPr defaultColWidth="8.7265625" defaultRowHeight="12.5" x14ac:dyDescent="0.25"/>
  <cols>
    <col min="1" max="1" width="112.453125" style="25" bestFit="1" customWidth="1"/>
    <col min="2" max="11" width="8.7265625" style="25" customWidth="1"/>
    <col min="12" max="12" width="11.1796875" style="25" customWidth="1"/>
    <col min="13" max="14" width="8.7265625" style="25" customWidth="1"/>
    <col min="15" max="16384" width="8.7265625" style="25"/>
  </cols>
  <sheetData>
    <row r="1" spans="1:14" ht="20.149999999999999" customHeight="1" x14ac:dyDescent="0.25">
      <c r="A1" s="24" t="s">
        <v>37</v>
      </c>
    </row>
    <row r="2" spans="1:14" ht="24" customHeight="1" x14ac:dyDescent="0.25">
      <c r="A2" s="3159" t="s">
        <v>226</v>
      </c>
      <c r="B2" s="3159" t="s">
        <v>38</v>
      </c>
      <c r="C2" s="3159" t="s">
        <v>38</v>
      </c>
      <c r="D2" s="3159" t="s">
        <v>38</v>
      </c>
      <c r="E2" s="3159" t="s">
        <v>38</v>
      </c>
      <c r="F2" s="3159" t="s">
        <v>38</v>
      </c>
      <c r="G2" s="3159" t="s">
        <v>38</v>
      </c>
      <c r="H2" s="3159" t="s">
        <v>38</v>
      </c>
      <c r="I2" s="3159" t="s">
        <v>38</v>
      </c>
      <c r="J2" s="3159" t="s">
        <v>38</v>
      </c>
      <c r="K2" s="3159" t="s">
        <v>38</v>
      </c>
      <c r="L2" s="3159" t="s">
        <v>38</v>
      </c>
      <c r="M2" s="3159" t="s">
        <v>38</v>
      </c>
      <c r="N2" s="3159" t="s">
        <v>38</v>
      </c>
    </row>
    <row r="3" spans="1:14" ht="13.5" customHeight="1" x14ac:dyDescent="0.25">
      <c r="A3" s="193"/>
      <c r="B3" s="3160" t="s">
        <v>174</v>
      </c>
      <c r="C3" s="3161" t="s">
        <v>38</v>
      </c>
      <c r="D3" s="3162">
        <v>2022</v>
      </c>
      <c r="E3" s="3163" t="s">
        <v>38</v>
      </c>
      <c r="F3" s="3163" t="s">
        <v>38</v>
      </c>
      <c r="G3" s="3164" t="s">
        <v>38</v>
      </c>
      <c r="H3" s="3165">
        <v>2021</v>
      </c>
      <c r="I3" s="3163" t="s">
        <v>38</v>
      </c>
      <c r="J3" s="3163" t="s">
        <v>38</v>
      </c>
      <c r="K3" s="3165" t="s">
        <v>716</v>
      </c>
      <c r="L3" s="3166" t="s">
        <v>38</v>
      </c>
      <c r="M3" s="3167" t="s">
        <v>717</v>
      </c>
      <c r="N3" s="3167" t="s">
        <v>38</v>
      </c>
    </row>
    <row r="4" spans="1:14" ht="13.5" customHeight="1" x14ac:dyDescent="0.25">
      <c r="A4" s="194"/>
      <c r="B4" s="195" t="s">
        <v>49</v>
      </c>
      <c r="C4" s="196" t="s">
        <v>45</v>
      </c>
      <c r="D4" s="197" t="s">
        <v>569</v>
      </c>
      <c r="E4" s="198" t="s">
        <v>570</v>
      </c>
      <c r="F4" s="198" t="s">
        <v>49</v>
      </c>
      <c r="G4" s="199" t="s">
        <v>45</v>
      </c>
      <c r="H4" s="200" t="s">
        <v>569</v>
      </c>
      <c r="I4" s="198" t="s">
        <v>570</v>
      </c>
      <c r="J4" s="198" t="s">
        <v>49</v>
      </c>
      <c r="K4" s="201">
        <v>2023</v>
      </c>
      <c r="L4" s="202">
        <v>2022</v>
      </c>
      <c r="M4" s="203">
        <v>2022</v>
      </c>
      <c r="N4" s="204">
        <v>2021</v>
      </c>
    </row>
    <row r="5" spans="1:14" ht="15" customHeight="1" x14ac:dyDescent="0.25">
      <c r="A5" s="281" t="s">
        <v>781</v>
      </c>
      <c r="B5" s="205"/>
      <c r="C5" s="206"/>
      <c r="D5" s="207"/>
      <c r="E5" s="208"/>
      <c r="F5" s="208"/>
      <c r="G5" s="209"/>
      <c r="H5" s="210"/>
      <c r="I5" s="208"/>
      <c r="J5" s="208"/>
      <c r="K5" s="211"/>
      <c r="L5" s="212"/>
      <c r="M5" s="213"/>
      <c r="N5" s="213"/>
    </row>
    <row r="6" spans="1:14" ht="15" customHeight="1" x14ac:dyDescent="0.25">
      <c r="A6" s="214" t="s">
        <v>216</v>
      </c>
      <c r="B6" s="1738">
        <v>2340</v>
      </c>
      <c r="C6" s="1739">
        <v>2386</v>
      </c>
      <c r="D6" s="215">
        <v>2363</v>
      </c>
      <c r="E6" s="1740">
        <v>2361</v>
      </c>
      <c r="F6" s="1740">
        <v>2144</v>
      </c>
      <c r="G6" s="216">
        <v>2133</v>
      </c>
      <c r="H6" s="1741">
        <v>2082</v>
      </c>
      <c r="I6" s="1742">
        <v>2030</v>
      </c>
      <c r="J6" s="1742">
        <v>1934</v>
      </c>
      <c r="K6" s="1743">
        <v>4726</v>
      </c>
      <c r="L6" s="1744">
        <v>4277</v>
      </c>
      <c r="M6" s="1742">
        <v>9001</v>
      </c>
      <c r="N6" s="1742">
        <v>8030</v>
      </c>
    </row>
    <row r="7" spans="1:14" ht="15" customHeight="1" x14ac:dyDescent="0.25">
      <c r="A7" s="214" t="s">
        <v>212</v>
      </c>
      <c r="B7" s="1738">
        <v>794</v>
      </c>
      <c r="C7" s="1739">
        <v>778</v>
      </c>
      <c r="D7" s="215">
        <v>771</v>
      </c>
      <c r="E7" s="1740">
        <v>758</v>
      </c>
      <c r="F7" s="1740">
        <v>759</v>
      </c>
      <c r="G7" s="216">
        <v>741</v>
      </c>
      <c r="H7" s="1741">
        <v>749</v>
      </c>
      <c r="I7" s="1742">
        <v>765</v>
      </c>
      <c r="J7" s="1742">
        <v>690</v>
      </c>
      <c r="K7" s="1743">
        <v>1572</v>
      </c>
      <c r="L7" s="1744">
        <v>1500</v>
      </c>
      <c r="M7" s="1742">
        <v>3029</v>
      </c>
      <c r="N7" s="1742">
        <v>2868</v>
      </c>
    </row>
    <row r="8" spans="1:14" ht="15" customHeight="1" x14ac:dyDescent="0.25">
      <c r="A8" s="217" t="s">
        <v>211</v>
      </c>
      <c r="B8" s="1745">
        <v>637</v>
      </c>
      <c r="C8" s="1746">
        <v>644</v>
      </c>
      <c r="D8" s="218">
        <v>652</v>
      </c>
      <c r="E8" s="1747">
        <v>637</v>
      </c>
      <c r="F8" s="1747">
        <v>649</v>
      </c>
      <c r="G8" s="219">
        <v>639</v>
      </c>
      <c r="H8" s="1748">
        <v>621</v>
      </c>
      <c r="I8" s="1749">
        <v>606</v>
      </c>
      <c r="J8" s="1749">
        <v>564</v>
      </c>
      <c r="K8" s="1750">
        <v>1281</v>
      </c>
      <c r="L8" s="1751">
        <v>1288</v>
      </c>
      <c r="M8" s="1749">
        <v>2577</v>
      </c>
      <c r="N8" s="1749">
        <v>2333</v>
      </c>
    </row>
    <row r="9" spans="1:14" ht="15" customHeight="1" x14ac:dyDescent="0.25">
      <c r="A9" s="217" t="s">
        <v>210</v>
      </c>
      <c r="B9" s="1745">
        <v>25</v>
      </c>
      <c r="C9" s="1746">
        <v>15</v>
      </c>
      <c r="D9" s="218">
        <v>23</v>
      </c>
      <c r="E9" s="1747">
        <v>15</v>
      </c>
      <c r="F9" s="1747">
        <v>18</v>
      </c>
      <c r="G9" s="219">
        <v>8</v>
      </c>
      <c r="H9" s="1748">
        <v>18</v>
      </c>
      <c r="I9" s="1749">
        <v>23</v>
      </c>
      <c r="J9" s="1749">
        <v>26</v>
      </c>
      <c r="K9" s="1750">
        <v>40</v>
      </c>
      <c r="L9" s="1751">
        <v>26</v>
      </c>
      <c r="M9" s="1749">
        <v>64</v>
      </c>
      <c r="N9" s="1749">
        <v>87</v>
      </c>
    </row>
    <row r="10" spans="1:14" ht="15" customHeight="1" x14ac:dyDescent="0.25">
      <c r="A10" s="217" t="s">
        <v>94</v>
      </c>
      <c r="B10" s="1745">
        <v>132</v>
      </c>
      <c r="C10" s="1746">
        <v>119</v>
      </c>
      <c r="D10" s="218">
        <v>96</v>
      </c>
      <c r="E10" s="1747">
        <v>106</v>
      </c>
      <c r="F10" s="1747">
        <v>92</v>
      </c>
      <c r="G10" s="219">
        <v>94</v>
      </c>
      <c r="H10" s="1748">
        <v>110</v>
      </c>
      <c r="I10" s="1749">
        <v>136</v>
      </c>
      <c r="J10" s="1749">
        <v>100</v>
      </c>
      <c r="K10" s="1750">
        <v>251</v>
      </c>
      <c r="L10" s="1751">
        <v>186</v>
      </c>
      <c r="M10" s="1749">
        <v>388</v>
      </c>
      <c r="N10" s="1749">
        <v>448</v>
      </c>
    </row>
    <row r="11" spans="1:14" ht="15" customHeight="1" x14ac:dyDescent="0.25">
      <c r="A11" s="220" t="s">
        <v>75</v>
      </c>
      <c r="B11" s="1738">
        <v>3134</v>
      </c>
      <c r="C11" s="1739">
        <v>3164</v>
      </c>
      <c r="D11" s="215">
        <v>3134</v>
      </c>
      <c r="E11" s="1740">
        <v>3119</v>
      </c>
      <c r="F11" s="1740">
        <v>2903</v>
      </c>
      <c r="G11" s="216">
        <v>2874</v>
      </c>
      <c r="H11" s="1741">
        <v>2831</v>
      </c>
      <c r="I11" s="1742">
        <v>2795</v>
      </c>
      <c r="J11" s="1742">
        <v>2624</v>
      </c>
      <c r="K11" s="1743">
        <v>6298</v>
      </c>
      <c r="L11" s="1744">
        <v>5777</v>
      </c>
      <c r="M11" s="1742">
        <v>12030</v>
      </c>
      <c r="N11" s="1742">
        <v>10898</v>
      </c>
    </row>
    <row r="12" spans="1:14" ht="15" customHeight="1" x14ac:dyDescent="0.25">
      <c r="A12" s="214" t="s">
        <v>93</v>
      </c>
      <c r="B12" s="1738">
        <v>218</v>
      </c>
      <c r="C12" s="1739">
        <v>218</v>
      </c>
      <c r="D12" s="215">
        <v>163</v>
      </c>
      <c r="E12" s="1740">
        <v>93</v>
      </c>
      <c r="F12" s="1740">
        <v>-12</v>
      </c>
      <c r="G12" s="216">
        <v>-35</v>
      </c>
      <c r="H12" s="1741">
        <v>-96</v>
      </c>
      <c r="I12" s="1742">
        <v>69</v>
      </c>
      <c r="J12" s="1742">
        <v>145</v>
      </c>
      <c r="K12" s="1743">
        <v>436</v>
      </c>
      <c r="L12" s="1744">
        <v>-47</v>
      </c>
      <c r="M12" s="1742">
        <v>209</v>
      </c>
      <c r="N12" s="1742">
        <v>333</v>
      </c>
    </row>
    <row r="13" spans="1:14" ht="15" customHeight="1" x14ac:dyDescent="0.25">
      <c r="A13" s="214" t="s">
        <v>57</v>
      </c>
      <c r="B13" s="1738">
        <v>1457</v>
      </c>
      <c r="C13" s="1739">
        <v>1449</v>
      </c>
      <c r="D13" s="215">
        <v>1397</v>
      </c>
      <c r="E13" s="1740">
        <v>1385</v>
      </c>
      <c r="F13" s="1740">
        <v>1324</v>
      </c>
      <c r="G13" s="216">
        <v>1282</v>
      </c>
      <c r="H13" s="1741">
        <v>1251</v>
      </c>
      <c r="I13" s="1742">
        <v>1267</v>
      </c>
      <c r="J13" s="1742">
        <v>1229</v>
      </c>
      <c r="K13" s="1743">
        <v>2906</v>
      </c>
      <c r="L13" s="1744">
        <v>2606</v>
      </c>
      <c r="M13" s="1742">
        <v>5388</v>
      </c>
      <c r="N13" s="1742">
        <v>4951</v>
      </c>
    </row>
    <row r="14" spans="1:14" ht="15" customHeight="1" x14ac:dyDescent="0.25">
      <c r="A14" s="220" t="s">
        <v>56</v>
      </c>
      <c r="B14" s="1738">
        <v>1459</v>
      </c>
      <c r="C14" s="1739">
        <v>1497</v>
      </c>
      <c r="D14" s="215">
        <v>1574</v>
      </c>
      <c r="E14" s="1740">
        <v>1641</v>
      </c>
      <c r="F14" s="1740">
        <v>1591</v>
      </c>
      <c r="G14" s="216">
        <v>1627</v>
      </c>
      <c r="H14" s="1741">
        <v>1676</v>
      </c>
      <c r="I14" s="1742">
        <v>1459</v>
      </c>
      <c r="J14" s="1742">
        <v>1250</v>
      </c>
      <c r="K14" s="1743">
        <v>2956</v>
      </c>
      <c r="L14" s="1744">
        <v>3218</v>
      </c>
      <c r="M14" s="1742">
        <v>6433</v>
      </c>
      <c r="N14" s="1742">
        <v>5614</v>
      </c>
    </row>
    <row r="15" spans="1:14" ht="15" customHeight="1" x14ac:dyDescent="0.25">
      <c r="A15" s="214" t="s">
        <v>74</v>
      </c>
      <c r="B15" s="1738">
        <v>399</v>
      </c>
      <c r="C15" s="1739">
        <v>410</v>
      </c>
      <c r="D15" s="215">
        <v>404</v>
      </c>
      <c r="E15" s="1740">
        <v>428</v>
      </c>
      <c r="F15" s="1740">
        <v>412</v>
      </c>
      <c r="G15" s="216">
        <v>426</v>
      </c>
      <c r="H15" s="1741">
        <v>438</v>
      </c>
      <c r="I15" s="1742">
        <v>380</v>
      </c>
      <c r="J15" s="1742">
        <v>323</v>
      </c>
      <c r="K15" s="1743">
        <v>809</v>
      </c>
      <c r="L15" s="1744">
        <v>838</v>
      </c>
      <c r="M15" s="1742">
        <v>1670</v>
      </c>
      <c r="N15" s="1742">
        <v>1459</v>
      </c>
    </row>
    <row r="16" spans="1:14" ht="15" customHeight="1" x14ac:dyDescent="0.25">
      <c r="A16" s="220" t="s">
        <v>72</v>
      </c>
      <c r="B16" s="1738">
        <v>1060</v>
      </c>
      <c r="C16" s="1739">
        <v>1087</v>
      </c>
      <c r="D16" s="215">
        <v>1170</v>
      </c>
      <c r="E16" s="1740">
        <v>1213</v>
      </c>
      <c r="F16" s="1740">
        <v>1179</v>
      </c>
      <c r="G16" s="216">
        <v>1201</v>
      </c>
      <c r="H16" s="1741">
        <v>1238</v>
      </c>
      <c r="I16" s="1742">
        <v>1079</v>
      </c>
      <c r="J16" s="1742">
        <v>927</v>
      </c>
      <c r="K16" s="1743">
        <v>2147</v>
      </c>
      <c r="L16" s="1744">
        <v>2380</v>
      </c>
      <c r="M16" s="1742">
        <v>4763</v>
      </c>
      <c r="N16" s="1742">
        <v>4155</v>
      </c>
    </row>
    <row r="17" spans="1:14" ht="15" customHeight="1" x14ac:dyDescent="0.25">
      <c r="A17" s="214" t="s">
        <v>614</v>
      </c>
      <c r="B17" s="1738">
        <v>1</v>
      </c>
      <c r="C17" s="1739">
        <v>1</v>
      </c>
      <c r="D17" s="215">
        <v>4</v>
      </c>
      <c r="E17" s="1740">
        <v>4</v>
      </c>
      <c r="F17" s="1740">
        <v>4</v>
      </c>
      <c r="G17" s="216">
        <v>4</v>
      </c>
      <c r="H17" s="1741">
        <v>4</v>
      </c>
      <c r="I17" s="1742">
        <v>4</v>
      </c>
      <c r="J17" s="1742">
        <v>4</v>
      </c>
      <c r="K17" s="1743">
        <v>2</v>
      </c>
      <c r="L17" s="1744">
        <v>8</v>
      </c>
      <c r="M17" s="1742">
        <v>16</v>
      </c>
      <c r="N17" s="1742">
        <v>16</v>
      </c>
    </row>
    <row r="18" spans="1:14" ht="15" customHeight="1" x14ac:dyDescent="0.25">
      <c r="A18" s="220" t="s">
        <v>615</v>
      </c>
      <c r="B18" s="1738">
        <v>1061</v>
      </c>
      <c r="C18" s="1739">
        <v>1088</v>
      </c>
      <c r="D18" s="215">
        <v>1174</v>
      </c>
      <c r="E18" s="1740">
        <v>1217</v>
      </c>
      <c r="F18" s="1740">
        <v>1183</v>
      </c>
      <c r="G18" s="216">
        <v>1205</v>
      </c>
      <c r="H18" s="1741">
        <v>1242</v>
      </c>
      <c r="I18" s="1742">
        <v>1083</v>
      </c>
      <c r="J18" s="1742">
        <v>931</v>
      </c>
      <c r="K18" s="1743">
        <v>2149</v>
      </c>
      <c r="L18" s="1744">
        <v>2388</v>
      </c>
      <c r="M18" s="1742">
        <v>4779</v>
      </c>
      <c r="N18" s="1742">
        <v>4171</v>
      </c>
    </row>
    <row r="19" spans="1:14" ht="15" customHeight="1" x14ac:dyDescent="0.25">
      <c r="A19" s="220"/>
      <c r="B19" s="1752"/>
      <c r="C19" s="1753"/>
      <c r="D19" s="221"/>
      <c r="E19" s="1754"/>
      <c r="F19" s="1754"/>
      <c r="G19" s="222"/>
      <c r="H19" s="1755"/>
      <c r="I19" s="1756"/>
      <c r="J19" s="1756"/>
      <c r="K19" s="1757"/>
      <c r="L19" s="1758"/>
      <c r="M19" s="1756"/>
      <c r="N19" s="1756"/>
    </row>
    <row r="20" spans="1:14" ht="15" customHeight="1" x14ac:dyDescent="0.25">
      <c r="A20" s="220" t="s">
        <v>764</v>
      </c>
      <c r="B20" s="1738">
        <v>1060</v>
      </c>
      <c r="C20" s="1739">
        <v>1087</v>
      </c>
      <c r="D20" s="215">
        <v>1170</v>
      </c>
      <c r="E20" s="1740">
        <v>1213</v>
      </c>
      <c r="F20" s="1740">
        <v>1179</v>
      </c>
      <c r="G20" s="216">
        <v>1201</v>
      </c>
      <c r="H20" s="1741">
        <v>1238</v>
      </c>
      <c r="I20" s="1742">
        <v>1079</v>
      </c>
      <c r="J20" s="1742">
        <v>927</v>
      </c>
      <c r="K20" s="1743">
        <v>2147</v>
      </c>
      <c r="L20" s="1744">
        <v>2380</v>
      </c>
      <c r="M20" s="1742">
        <v>4763</v>
      </c>
      <c r="N20" s="1742">
        <v>4155</v>
      </c>
    </row>
    <row r="21" spans="1:14" ht="15" customHeight="1" x14ac:dyDescent="0.25">
      <c r="A21" s="220"/>
      <c r="B21" s="1752"/>
      <c r="C21" s="1753"/>
      <c r="D21" s="221"/>
      <c r="E21" s="1754"/>
      <c r="F21" s="1754"/>
      <c r="G21" s="222"/>
      <c r="H21" s="1755"/>
      <c r="I21" s="1756"/>
      <c r="J21" s="1756"/>
      <c r="K21" s="1757"/>
      <c r="L21" s="1758"/>
      <c r="M21" s="1756"/>
      <c r="N21" s="1756"/>
    </row>
    <row r="22" spans="1:14" ht="15" customHeight="1" x14ac:dyDescent="0.25">
      <c r="A22" s="220" t="s">
        <v>771</v>
      </c>
      <c r="B22" s="1738">
        <v>1061</v>
      </c>
      <c r="C22" s="1739">
        <v>1088</v>
      </c>
      <c r="D22" s="215">
        <v>1174</v>
      </c>
      <c r="E22" s="1740">
        <v>1217</v>
      </c>
      <c r="F22" s="1740">
        <v>1183</v>
      </c>
      <c r="G22" s="216">
        <v>1205</v>
      </c>
      <c r="H22" s="1741">
        <v>1242</v>
      </c>
      <c r="I22" s="1742">
        <v>1083</v>
      </c>
      <c r="J22" s="1742">
        <v>931</v>
      </c>
      <c r="K22" s="1743">
        <v>2149</v>
      </c>
      <c r="L22" s="1744">
        <v>2388</v>
      </c>
      <c r="M22" s="1742">
        <v>4779</v>
      </c>
      <c r="N22" s="1742">
        <v>4171</v>
      </c>
    </row>
    <row r="23" spans="1:14" ht="15" customHeight="1" x14ac:dyDescent="0.25">
      <c r="A23" s="223"/>
      <c r="B23" s="1759"/>
      <c r="C23" s="1760"/>
      <c r="D23" s="224"/>
      <c r="E23" s="1761"/>
      <c r="F23" s="1761"/>
      <c r="G23" s="225"/>
      <c r="H23" s="1762"/>
      <c r="I23" s="1763"/>
      <c r="J23" s="1763"/>
      <c r="K23" s="1764"/>
      <c r="L23" s="1765"/>
      <c r="M23" s="1763"/>
      <c r="N23" s="1763"/>
    </row>
    <row r="24" spans="1:14" ht="15" customHeight="1" x14ac:dyDescent="0.25">
      <c r="A24" s="226" t="s">
        <v>231</v>
      </c>
      <c r="B24" s="1766"/>
      <c r="C24" s="1767"/>
      <c r="D24" s="197"/>
      <c r="E24" s="1768"/>
      <c r="F24" s="1768"/>
      <c r="G24" s="199"/>
      <c r="H24" s="1769"/>
      <c r="I24" s="1770"/>
      <c r="J24" s="1770"/>
      <c r="K24" s="1771"/>
      <c r="L24" s="1772"/>
      <c r="M24" s="1770"/>
      <c r="N24" s="1770"/>
    </row>
    <row r="25" spans="1:14" ht="15" customHeight="1" x14ac:dyDescent="0.25">
      <c r="A25" s="227" t="s">
        <v>616</v>
      </c>
      <c r="B25" s="1773">
        <v>2.2999999999999998</v>
      </c>
      <c r="C25" s="1774">
        <v>2.2599999999999998</v>
      </c>
      <c r="D25" s="228">
        <v>2.2599999999999998</v>
      </c>
      <c r="E25" s="1775">
        <v>2.29</v>
      </c>
      <c r="F25" s="1775">
        <v>2.2200000000000002</v>
      </c>
      <c r="G25" s="229">
        <v>2.19</v>
      </c>
      <c r="H25" s="1776">
        <v>2.2000000000000002</v>
      </c>
      <c r="I25" s="1777">
        <v>2.23</v>
      </c>
      <c r="J25" s="1777">
        <v>2.2599999999999998</v>
      </c>
      <c r="K25" s="1778">
        <v>2.2799999999999998</v>
      </c>
      <c r="L25" s="1779">
        <v>2.2000000000000002</v>
      </c>
      <c r="M25" s="1777">
        <v>2.2400000000000002</v>
      </c>
      <c r="N25" s="1777">
        <v>2.23</v>
      </c>
    </row>
    <row r="26" spans="1:14" ht="15" customHeight="1" x14ac:dyDescent="0.25">
      <c r="A26" s="214" t="s">
        <v>617</v>
      </c>
      <c r="B26" s="1780">
        <v>0.18</v>
      </c>
      <c r="C26" s="1781">
        <v>0.16</v>
      </c>
      <c r="D26" s="230">
        <v>0.14000000000000001</v>
      </c>
      <c r="E26" s="1782">
        <v>0.12</v>
      </c>
      <c r="F26" s="1782">
        <v>0.14000000000000001</v>
      </c>
      <c r="G26" s="231">
        <v>0.14000000000000001</v>
      </c>
      <c r="H26" s="1783">
        <v>0.12</v>
      </c>
      <c r="I26" s="1784">
        <v>0.18</v>
      </c>
      <c r="J26" s="1784">
        <v>0.24</v>
      </c>
      <c r="K26" s="1785">
        <v>0.17</v>
      </c>
      <c r="L26" s="1786">
        <v>0.14000000000000001</v>
      </c>
      <c r="M26" s="1784">
        <v>0.13</v>
      </c>
      <c r="N26" s="1784">
        <v>0.19</v>
      </c>
    </row>
    <row r="27" spans="1:14" ht="15" customHeight="1" x14ac:dyDescent="0.25">
      <c r="A27" s="220" t="s">
        <v>173</v>
      </c>
      <c r="B27" s="1787"/>
      <c r="C27" s="1788"/>
      <c r="D27" s="232"/>
      <c r="E27" s="1789"/>
      <c r="F27" s="1789"/>
      <c r="G27" s="233"/>
      <c r="H27" s="1790"/>
      <c r="I27" s="1791"/>
      <c r="J27" s="1791"/>
      <c r="K27" s="1785"/>
      <c r="L27" s="1792"/>
      <c r="M27" s="1791"/>
      <c r="N27" s="1791"/>
    </row>
    <row r="28" spans="1:14" ht="15" customHeight="1" x14ac:dyDescent="0.25">
      <c r="A28" s="217" t="s">
        <v>618</v>
      </c>
      <c r="B28" s="1793">
        <v>22.8</v>
      </c>
      <c r="C28" s="1794">
        <v>23</v>
      </c>
      <c r="D28" s="234">
        <v>24.72</v>
      </c>
      <c r="E28" s="1795">
        <v>26.1</v>
      </c>
      <c r="F28" s="1795">
        <v>27.1</v>
      </c>
      <c r="G28" s="235">
        <v>27.4</v>
      </c>
      <c r="H28" s="1796">
        <v>29.4</v>
      </c>
      <c r="I28" s="1797">
        <v>26.1</v>
      </c>
      <c r="J28" s="1797">
        <v>23.5</v>
      </c>
      <c r="K28" s="1798">
        <v>22.9</v>
      </c>
      <c r="L28" s="1799">
        <v>27.2</v>
      </c>
      <c r="M28" s="1797">
        <v>26.3</v>
      </c>
      <c r="N28" s="1797">
        <v>25.2</v>
      </c>
    </row>
    <row r="29" spans="1:14" ht="31" x14ac:dyDescent="0.25">
      <c r="A29" s="1479" t="s">
        <v>772</v>
      </c>
      <c r="B29" s="1780">
        <v>0.2</v>
      </c>
      <c r="C29" s="1781">
        <v>0.19</v>
      </c>
      <c r="D29" s="230">
        <v>0.15</v>
      </c>
      <c r="E29" s="1782">
        <v>0.09</v>
      </c>
      <c r="F29" s="1782">
        <v>-0.01</v>
      </c>
      <c r="G29" s="231">
        <v>-0.03</v>
      </c>
      <c r="H29" s="1783">
        <v>-0.1</v>
      </c>
      <c r="I29" s="1784">
        <v>7.0000000000000007E-2</v>
      </c>
      <c r="J29" s="1784">
        <v>0.16</v>
      </c>
      <c r="K29" s="1785">
        <v>0.2</v>
      </c>
      <c r="L29" s="1792">
        <v>-0.02</v>
      </c>
      <c r="M29" s="1784">
        <v>0.05</v>
      </c>
      <c r="N29" s="1784">
        <v>0.09</v>
      </c>
    </row>
    <row r="30" spans="1:14" ht="15" customHeight="1" x14ac:dyDescent="0.25">
      <c r="A30" s="217" t="s">
        <v>773</v>
      </c>
      <c r="B30" s="1780">
        <v>0.21</v>
      </c>
      <c r="C30" s="1781">
        <v>0.17</v>
      </c>
      <c r="D30" s="236">
        <v>0.14000000000000001</v>
      </c>
      <c r="E30" s="1784">
        <v>0.13</v>
      </c>
      <c r="F30" s="1784">
        <v>0.13</v>
      </c>
      <c r="G30" s="237">
        <v>0.12</v>
      </c>
      <c r="H30" s="1783">
        <v>0.1</v>
      </c>
      <c r="I30" s="1784">
        <v>0.14000000000000001</v>
      </c>
      <c r="J30" s="1784">
        <v>0.27</v>
      </c>
      <c r="K30" s="1785">
        <v>0.19</v>
      </c>
      <c r="L30" s="1792">
        <v>0.12</v>
      </c>
      <c r="M30" s="1784">
        <v>0.13</v>
      </c>
      <c r="N30" s="1784">
        <v>0.18</v>
      </c>
    </row>
    <row r="31" spans="1:14" ht="16.5" x14ac:dyDescent="0.25">
      <c r="A31" s="217" t="s">
        <v>619</v>
      </c>
      <c r="B31" s="1793">
        <v>46.5</v>
      </c>
      <c r="C31" s="1794">
        <v>45.8</v>
      </c>
      <c r="D31" s="234">
        <v>44.57</v>
      </c>
      <c r="E31" s="1795">
        <v>44.4</v>
      </c>
      <c r="F31" s="1795">
        <v>45.6</v>
      </c>
      <c r="G31" s="235">
        <v>44.6</v>
      </c>
      <c r="H31" s="1796">
        <v>44.2</v>
      </c>
      <c r="I31" s="1797">
        <v>45.3</v>
      </c>
      <c r="J31" s="1797">
        <v>46.8</v>
      </c>
      <c r="K31" s="1798">
        <v>46.1</v>
      </c>
      <c r="L31" s="1799">
        <v>45.1</v>
      </c>
      <c r="M31" s="1797">
        <v>44.8</v>
      </c>
      <c r="N31" s="1797">
        <v>45.4</v>
      </c>
    </row>
    <row r="32" spans="1:14" ht="15" customHeight="1" x14ac:dyDescent="0.25">
      <c r="A32" s="238" t="s">
        <v>620</v>
      </c>
      <c r="B32" s="1800"/>
      <c r="C32" s="1801"/>
      <c r="D32" s="239"/>
      <c r="E32" s="1802"/>
      <c r="F32" s="1802"/>
      <c r="G32" s="240"/>
      <c r="H32" s="1803"/>
      <c r="I32" s="1804"/>
      <c r="J32" s="1804"/>
      <c r="K32" s="1805"/>
      <c r="L32" s="1806"/>
      <c r="M32" s="1804"/>
      <c r="N32" s="1804"/>
    </row>
    <row r="33" spans="1:14" ht="15" customHeight="1" x14ac:dyDescent="0.25">
      <c r="A33" s="217" t="s">
        <v>82</v>
      </c>
      <c r="B33" s="1793">
        <v>22.8</v>
      </c>
      <c r="C33" s="1794">
        <v>23</v>
      </c>
      <c r="D33" s="234">
        <v>24.81</v>
      </c>
      <c r="E33" s="1795">
        <v>26.2</v>
      </c>
      <c r="F33" s="1795">
        <v>27.2</v>
      </c>
      <c r="G33" s="235">
        <v>27.5</v>
      </c>
      <c r="H33" s="1796">
        <v>29.4</v>
      </c>
      <c r="I33" s="1797">
        <v>26.2</v>
      </c>
      <c r="J33" s="1797">
        <v>23.6</v>
      </c>
      <c r="K33" s="1798">
        <v>22.9</v>
      </c>
      <c r="L33" s="1799">
        <v>27.3</v>
      </c>
      <c r="M33" s="1797">
        <v>26.4</v>
      </c>
      <c r="N33" s="1797">
        <v>25.3</v>
      </c>
    </row>
    <row r="34" spans="1:14" ht="15" customHeight="1" x14ac:dyDescent="0.25">
      <c r="A34" s="241" t="s">
        <v>81</v>
      </c>
      <c r="B34" s="1807">
        <v>46.4</v>
      </c>
      <c r="C34" s="1808">
        <v>45.8</v>
      </c>
      <c r="D34" s="242">
        <v>44.39</v>
      </c>
      <c r="E34" s="1809">
        <v>44.2</v>
      </c>
      <c r="F34" s="1809">
        <v>45.4</v>
      </c>
      <c r="G34" s="243">
        <v>44.4</v>
      </c>
      <c r="H34" s="1810">
        <v>44</v>
      </c>
      <c r="I34" s="1811">
        <v>45.1</v>
      </c>
      <c r="J34" s="1811">
        <v>46.6</v>
      </c>
      <c r="K34" s="1812">
        <v>46.1</v>
      </c>
      <c r="L34" s="1813">
        <v>44.9</v>
      </c>
      <c r="M34" s="1811">
        <v>44.6</v>
      </c>
      <c r="N34" s="1811">
        <v>45.2</v>
      </c>
    </row>
    <row r="35" spans="1:14" ht="15" customHeight="1" x14ac:dyDescent="0.25">
      <c r="A35" s="226" t="s">
        <v>774</v>
      </c>
      <c r="B35" s="1766"/>
      <c r="C35" s="1767"/>
      <c r="D35" s="197"/>
      <c r="E35" s="1768"/>
      <c r="F35" s="1768"/>
      <c r="G35" s="199"/>
      <c r="H35" s="1769"/>
      <c r="I35" s="1770"/>
      <c r="J35" s="1770"/>
      <c r="K35" s="1771"/>
      <c r="L35" s="1772"/>
      <c r="M35" s="1770"/>
      <c r="N35" s="1770"/>
    </row>
    <row r="36" spans="1:14" ht="15" customHeight="1" x14ac:dyDescent="0.25">
      <c r="A36" s="217" t="s">
        <v>79</v>
      </c>
      <c r="B36" s="1814">
        <v>281.10000000000002</v>
      </c>
      <c r="C36" s="1815">
        <v>282.89999999999998</v>
      </c>
      <c r="D36" s="244">
        <v>282.3</v>
      </c>
      <c r="E36" s="1816">
        <v>278.39999999999998</v>
      </c>
      <c r="F36" s="1816">
        <v>271.8</v>
      </c>
      <c r="G36" s="245">
        <v>264.89999999999998</v>
      </c>
      <c r="H36" s="1817">
        <v>255.2</v>
      </c>
      <c r="I36" s="1816">
        <v>243.3</v>
      </c>
      <c r="J36" s="1816">
        <v>234.8</v>
      </c>
      <c r="K36" s="1818">
        <v>282</v>
      </c>
      <c r="L36" s="1819">
        <v>268.3</v>
      </c>
      <c r="M36" s="1820">
        <v>274.3</v>
      </c>
      <c r="N36" s="1820">
        <v>241.1</v>
      </c>
    </row>
    <row r="37" spans="1:14" ht="15" customHeight="1" x14ac:dyDescent="0.25">
      <c r="A37" s="217" t="s">
        <v>234</v>
      </c>
      <c r="B37" s="1821">
        <v>72.7</v>
      </c>
      <c r="C37" s="1822">
        <v>72.3</v>
      </c>
      <c r="D37" s="247">
        <v>71.599999999999994</v>
      </c>
      <c r="E37" s="1823">
        <v>70.5</v>
      </c>
      <c r="F37" s="1823">
        <v>68.8</v>
      </c>
      <c r="G37" s="248">
        <v>68.599999999999994</v>
      </c>
      <c r="H37" s="1824">
        <v>68.7</v>
      </c>
      <c r="I37" s="1823">
        <v>68.3</v>
      </c>
      <c r="J37" s="1823">
        <v>67.8</v>
      </c>
      <c r="K37" s="1825">
        <v>72.5</v>
      </c>
      <c r="L37" s="1826">
        <v>68.7</v>
      </c>
      <c r="M37" s="1823">
        <v>69.900000000000006</v>
      </c>
      <c r="N37" s="1823">
        <v>68.5</v>
      </c>
    </row>
    <row r="38" spans="1:14" ht="15" customHeight="1" x14ac:dyDescent="0.25">
      <c r="A38" s="217" t="s">
        <v>775</v>
      </c>
      <c r="B38" s="1821">
        <v>7.6</v>
      </c>
      <c r="C38" s="1822">
        <v>7.4</v>
      </c>
      <c r="D38" s="247">
        <v>7.1</v>
      </c>
      <c r="E38" s="1823">
        <v>6.9</v>
      </c>
      <c r="F38" s="1823">
        <v>6.5</v>
      </c>
      <c r="G38" s="248">
        <v>6.6</v>
      </c>
      <c r="H38" s="1824">
        <v>6.4</v>
      </c>
      <c r="I38" s="1823">
        <v>6.2</v>
      </c>
      <c r="J38" s="1823">
        <v>6.1999999999999993</v>
      </c>
      <c r="K38" s="1825">
        <v>7.5</v>
      </c>
      <c r="L38" s="1826">
        <v>6.5</v>
      </c>
      <c r="M38" s="1823">
        <v>6.8</v>
      </c>
      <c r="N38" s="1823">
        <v>6.4</v>
      </c>
    </row>
    <row r="39" spans="1:14" ht="15" customHeight="1" x14ac:dyDescent="0.25">
      <c r="A39" s="217" t="s">
        <v>575</v>
      </c>
      <c r="B39" s="1821">
        <v>85.6</v>
      </c>
      <c r="C39" s="1822">
        <v>83.7</v>
      </c>
      <c r="D39" s="247">
        <v>81</v>
      </c>
      <c r="E39" s="1823">
        <v>77.8</v>
      </c>
      <c r="F39" s="1823">
        <v>72.7</v>
      </c>
      <c r="G39" s="248">
        <v>68.3</v>
      </c>
      <c r="H39" s="1824">
        <v>64.8</v>
      </c>
      <c r="I39" s="1823">
        <v>63.3</v>
      </c>
      <c r="J39" s="1823">
        <v>61</v>
      </c>
      <c r="K39" s="1825">
        <v>84.600000000000009</v>
      </c>
      <c r="L39" s="1826">
        <v>70.5</v>
      </c>
      <c r="M39" s="1823">
        <v>74.989999999999995</v>
      </c>
      <c r="N39" s="1823">
        <v>62</v>
      </c>
    </row>
    <row r="40" spans="1:14" ht="15" customHeight="1" x14ac:dyDescent="0.25">
      <c r="A40" s="246" t="s">
        <v>576</v>
      </c>
      <c r="B40" s="1821">
        <v>447</v>
      </c>
      <c r="C40" s="1822">
        <v>446.3</v>
      </c>
      <c r="D40" s="234">
        <v>442</v>
      </c>
      <c r="E40" s="1795">
        <v>433.6</v>
      </c>
      <c r="F40" s="1795">
        <v>419.8</v>
      </c>
      <c r="G40" s="235">
        <v>408.4</v>
      </c>
      <c r="H40" s="1827">
        <v>395.1</v>
      </c>
      <c r="I40" s="1795">
        <v>381.1</v>
      </c>
      <c r="J40" s="1795">
        <v>369.8</v>
      </c>
      <c r="K40" s="1798">
        <v>446.6</v>
      </c>
      <c r="L40" s="1828">
        <v>414</v>
      </c>
      <c r="M40" s="1829">
        <v>426</v>
      </c>
      <c r="N40" s="1823">
        <v>378</v>
      </c>
    </row>
    <row r="41" spans="1:14" ht="15" customHeight="1" x14ac:dyDescent="0.25">
      <c r="A41" s="246" t="s">
        <v>577</v>
      </c>
      <c r="B41" s="1821">
        <v>3.6000000000000227</v>
      </c>
      <c r="C41" s="1822">
        <v>3.7</v>
      </c>
      <c r="D41" s="234">
        <v>3.7</v>
      </c>
      <c r="E41" s="1795">
        <v>3.7</v>
      </c>
      <c r="F41" s="1795">
        <v>3.4</v>
      </c>
      <c r="G41" s="235">
        <v>3.3</v>
      </c>
      <c r="H41" s="1827">
        <v>3</v>
      </c>
      <c r="I41" s="1795">
        <v>2.8</v>
      </c>
      <c r="J41" s="1795">
        <v>2.6</v>
      </c>
      <c r="K41" s="1798">
        <v>3.6999999999999886</v>
      </c>
      <c r="L41" s="1828">
        <v>3.3999999999999773</v>
      </c>
      <c r="M41" s="1829">
        <v>3.5</v>
      </c>
      <c r="N41" s="1823">
        <v>2.8</v>
      </c>
    </row>
    <row r="42" spans="1:14" ht="15" customHeight="1" x14ac:dyDescent="0.25">
      <c r="A42" s="249" t="s">
        <v>578</v>
      </c>
      <c r="B42" s="1821">
        <v>450.6</v>
      </c>
      <c r="C42" s="1822">
        <v>450</v>
      </c>
      <c r="D42" s="234">
        <v>445.7</v>
      </c>
      <c r="E42" s="1795">
        <v>437.3</v>
      </c>
      <c r="F42" s="1795">
        <v>423.2</v>
      </c>
      <c r="G42" s="235">
        <v>411.7</v>
      </c>
      <c r="H42" s="1827">
        <v>398.1</v>
      </c>
      <c r="I42" s="1795">
        <v>383.9</v>
      </c>
      <c r="J42" s="1795">
        <v>372.4</v>
      </c>
      <c r="K42" s="1798">
        <v>450.3</v>
      </c>
      <c r="L42" s="1828">
        <v>417.4</v>
      </c>
      <c r="M42" s="1829">
        <v>429.5</v>
      </c>
      <c r="N42" s="1823">
        <v>380.8</v>
      </c>
    </row>
    <row r="43" spans="1:14" ht="15" customHeight="1" x14ac:dyDescent="0.25">
      <c r="A43" s="246" t="s">
        <v>579</v>
      </c>
      <c r="B43" s="1821">
        <v>219.2</v>
      </c>
      <c r="C43" s="1822">
        <v>211.6</v>
      </c>
      <c r="D43" s="234">
        <v>203.7</v>
      </c>
      <c r="E43" s="1795">
        <v>196.2</v>
      </c>
      <c r="F43" s="1795">
        <v>190</v>
      </c>
      <c r="G43" s="235">
        <v>187.2</v>
      </c>
      <c r="H43" s="1827">
        <v>188.3</v>
      </c>
      <c r="I43" s="1795">
        <v>190.5</v>
      </c>
      <c r="J43" s="1795">
        <v>189</v>
      </c>
      <c r="K43" s="1798">
        <v>215.3</v>
      </c>
      <c r="L43" s="1828">
        <v>188.6</v>
      </c>
      <c r="M43" s="1829">
        <v>194.3</v>
      </c>
      <c r="N43" s="1823">
        <v>189.2</v>
      </c>
    </row>
    <row r="44" spans="1:14" ht="15" customHeight="1" x14ac:dyDescent="0.25">
      <c r="A44" s="246" t="s">
        <v>580</v>
      </c>
      <c r="B44" s="1821">
        <v>117.5</v>
      </c>
      <c r="C44" s="1822">
        <v>116.3</v>
      </c>
      <c r="D44" s="234">
        <v>116.1</v>
      </c>
      <c r="E44" s="1795">
        <v>114.9</v>
      </c>
      <c r="F44" s="1795">
        <v>112.3</v>
      </c>
      <c r="G44" s="235">
        <v>111.4</v>
      </c>
      <c r="H44" s="1827">
        <v>109.8</v>
      </c>
      <c r="I44" s="1795">
        <v>107.5</v>
      </c>
      <c r="J44" s="1795">
        <v>103.7</v>
      </c>
      <c r="K44" s="1798">
        <v>116.9</v>
      </c>
      <c r="L44" s="1828">
        <v>111.8</v>
      </c>
      <c r="M44" s="1829">
        <v>113.7</v>
      </c>
      <c r="N44" s="1823">
        <v>105.3</v>
      </c>
    </row>
    <row r="45" spans="1:14" ht="15" customHeight="1" x14ac:dyDescent="0.25">
      <c r="A45" s="249" t="s">
        <v>581</v>
      </c>
      <c r="B45" s="1821">
        <v>336.7</v>
      </c>
      <c r="C45" s="1822">
        <v>327.9</v>
      </c>
      <c r="D45" s="234">
        <v>319.8</v>
      </c>
      <c r="E45" s="1795">
        <v>311.10000000000002</v>
      </c>
      <c r="F45" s="1795">
        <v>302.3</v>
      </c>
      <c r="G45" s="235">
        <v>298.60000000000002</v>
      </c>
      <c r="H45" s="1827">
        <v>298.10000000000002</v>
      </c>
      <c r="I45" s="1795">
        <v>298</v>
      </c>
      <c r="J45" s="1795">
        <v>292.7</v>
      </c>
      <c r="K45" s="1798">
        <v>332.2</v>
      </c>
      <c r="L45" s="1828">
        <v>300.39999999999998</v>
      </c>
      <c r="M45" s="1829">
        <v>308</v>
      </c>
      <c r="N45" s="1823">
        <v>294.5</v>
      </c>
    </row>
    <row r="46" spans="1:14" ht="15" customHeight="1" x14ac:dyDescent="0.25">
      <c r="A46" s="246" t="s">
        <v>582</v>
      </c>
      <c r="B46" s="1821">
        <v>30.300000000000011</v>
      </c>
      <c r="C46" s="1822">
        <v>28.900000000000034</v>
      </c>
      <c r="D46" s="234">
        <v>27.3</v>
      </c>
      <c r="E46" s="1795">
        <v>25.5</v>
      </c>
      <c r="F46" s="1795">
        <v>23.3</v>
      </c>
      <c r="G46" s="235">
        <v>21.7</v>
      </c>
      <c r="H46" s="1827">
        <v>19.699999999999989</v>
      </c>
      <c r="I46" s="1795">
        <v>19.300000000000011</v>
      </c>
      <c r="J46" s="1795">
        <v>17.899999999999999</v>
      </c>
      <c r="K46" s="1798">
        <v>29.600000000000023</v>
      </c>
      <c r="L46" s="1828">
        <v>22.5</v>
      </c>
      <c r="M46" s="1829">
        <v>24.5</v>
      </c>
      <c r="N46" s="1823">
        <v>18.5</v>
      </c>
    </row>
    <row r="47" spans="1:14" ht="15" customHeight="1" x14ac:dyDescent="0.25">
      <c r="A47" s="250" t="s">
        <v>583</v>
      </c>
      <c r="B47" s="251">
        <v>367</v>
      </c>
      <c r="C47" s="252">
        <v>356.8</v>
      </c>
      <c r="D47" s="242">
        <v>347.1</v>
      </c>
      <c r="E47" s="253">
        <v>336.6</v>
      </c>
      <c r="F47" s="253">
        <v>325.60000000000002</v>
      </c>
      <c r="G47" s="243">
        <v>320.3</v>
      </c>
      <c r="H47" s="242">
        <v>317.8</v>
      </c>
      <c r="I47" s="253">
        <v>317.3</v>
      </c>
      <c r="J47" s="253">
        <v>310.60000000000002</v>
      </c>
      <c r="K47" s="254">
        <v>361.8</v>
      </c>
      <c r="L47" s="255">
        <v>322.89999999999998</v>
      </c>
      <c r="M47" s="256">
        <v>332.5</v>
      </c>
      <c r="N47" s="257">
        <v>313</v>
      </c>
    </row>
    <row r="48" spans="1:14" ht="15" customHeight="1" x14ac:dyDescent="0.25">
      <c r="A48" s="258" t="s">
        <v>776</v>
      </c>
      <c r="B48" s="1830"/>
      <c r="C48" s="1831"/>
      <c r="D48" s="197"/>
      <c r="E48" s="1832"/>
      <c r="F48" s="1832"/>
      <c r="G48" s="199"/>
      <c r="H48" s="1833"/>
      <c r="I48" s="1834"/>
      <c r="J48" s="1834"/>
      <c r="K48" s="1835"/>
      <c r="L48" s="1836"/>
      <c r="M48" s="1834"/>
      <c r="N48" s="1834"/>
    </row>
    <row r="49" spans="1:14" ht="15" customHeight="1" x14ac:dyDescent="0.35">
      <c r="A49" s="246" t="s">
        <v>621</v>
      </c>
      <c r="B49" s="1837">
        <v>19750</v>
      </c>
      <c r="C49" s="1838">
        <v>19831</v>
      </c>
      <c r="D49" s="259">
        <v>19262</v>
      </c>
      <c r="E49" s="1839">
        <v>18861</v>
      </c>
      <c r="F49" s="1839">
        <v>18683</v>
      </c>
      <c r="G49" s="260">
        <v>18259</v>
      </c>
      <c r="H49" s="1840">
        <v>17877</v>
      </c>
      <c r="I49" s="1839">
        <v>17424</v>
      </c>
      <c r="J49" s="1839">
        <v>17315</v>
      </c>
      <c r="K49" s="1841"/>
      <c r="L49" s="1842"/>
      <c r="M49" s="1843"/>
      <c r="N49" s="1843"/>
    </row>
    <row r="50" spans="1:14" ht="15" customHeight="1" x14ac:dyDescent="0.35">
      <c r="A50" s="261" t="s">
        <v>584</v>
      </c>
      <c r="B50" s="262">
        <v>943</v>
      </c>
      <c r="C50" s="260">
        <v>941</v>
      </c>
      <c r="D50" s="259">
        <v>941</v>
      </c>
      <c r="E50" s="263">
        <v>947</v>
      </c>
      <c r="F50" s="263">
        <v>951</v>
      </c>
      <c r="G50" s="260">
        <v>954</v>
      </c>
      <c r="H50" s="259">
        <v>954</v>
      </c>
      <c r="I50" s="263">
        <v>956</v>
      </c>
      <c r="J50" s="263">
        <v>959</v>
      </c>
      <c r="K50" s="1844"/>
      <c r="L50" s="1845"/>
      <c r="M50" s="1846"/>
      <c r="N50" s="1846"/>
    </row>
    <row r="51" spans="1:14" ht="15" customHeight="1" x14ac:dyDescent="0.35">
      <c r="A51" s="264" t="s">
        <v>99</v>
      </c>
      <c r="B51" s="1847">
        <v>3716</v>
      </c>
      <c r="C51" s="1848">
        <v>3697</v>
      </c>
      <c r="D51" s="265">
        <v>3725</v>
      </c>
      <c r="E51" s="1849">
        <v>3734</v>
      </c>
      <c r="F51" s="1849">
        <v>3742</v>
      </c>
      <c r="G51" s="266">
        <v>3746</v>
      </c>
      <c r="H51" s="1850">
        <v>3766</v>
      </c>
      <c r="I51" s="1849">
        <v>3552</v>
      </c>
      <c r="J51" s="1849">
        <v>3556</v>
      </c>
      <c r="K51" s="1851"/>
      <c r="L51" s="1852"/>
      <c r="M51" s="1853"/>
      <c r="N51" s="1853"/>
    </row>
    <row r="52" spans="1:14" ht="15" customHeight="1" x14ac:dyDescent="0.25">
      <c r="A52" s="267"/>
      <c r="B52" s="268"/>
      <c r="C52" s="268"/>
      <c r="D52" s="268"/>
      <c r="E52" s="268"/>
      <c r="F52" s="268"/>
      <c r="G52" s="268"/>
      <c r="H52" s="268"/>
      <c r="I52" s="268"/>
      <c r="J52" s="268"/>
      <c r="K52" s="268"/>
      <c r="L52" s="268"/>
      <c r="M52" s="268"/>
      <c r="N52" s="268"/>
    </row>
    <row r="53" spans="1:14" ht="15" customHeight="1" x14ac:dyDescent="0.25">
      <c r="A53" s="3168" t="s">
        <v>238</v>
      </c>
      <c r="B53" s="3168" t="s">
        <v>38</v>
      </c>
      <c r="C53" s="3168" t="s">
        <v>38</v>
      </c>
      <c r="D53" s="3168" t="s">
        <v>38</v>
      </c>
      <c r="E53" s="3168" t="s">
        <v>38</v>
      </c>
      <c r="F53" s="3168" t="s">
        <v>38</v>
      </c>
      <c r="G53" s="3168" t="s">
        <v>38</v>
      </c>
      <c r="H53" s="3168" t="s">
        <v>38</v>
      </c>
      <c r="I53" s="3168" t="s">
        <v>38</v>
      </c>
      <c r="J53" s="3168" t="s">
        <v>38</v>
      </c>
      <c r="K53" s="3168" t="s">
        <v>38</v>
      </c>
      <c r="L53" s="3168" t="s">
        <v>38</v>
      </c>
      <c r="M53" s="3168" t="s">
        <v>38</v>
      </c>
      <c r="N53" s="3168" t="s">
        <v>38</v>
      </c>
    </row>
    <row r="54" spans="1:14" ht="13" customHeight="1" x14ac:dyDescent="0.25">
      <c r="A54" s="3168" t="s">
        <v>777</v>
      </c>
      <c r="B54" s="3168" t="s">
        <v>38</v>
      </c>
      <c r="C54" s="3168" t="s">
        <v>38</v>
      </c>
      <c r="D54" s="3168" t="s">
        <v>38</v>
      </c>
      <c r="E54" s="3168" t="s">
        <v>38</v>
      </c>
      <c r="F54" s="3168" t="s">
        <v>38</v>
      </c>
      <c r="G54" s="3168" t="s">
        <v>38</v>
      </c>
      <c r="H54" s="3168" t="s">
        <v>38</v>
      </c>
      <c r="I54" s="3168" t="s">
        <v>38</v>
      </c>
      <c r="J54" s="3168" t="s">
        <v>38</v>
      </c>
      <c r="K54" s="3168" t="s">
        <v>38</v>
      </c>
      <c r="L54" s="3168" t="s">
        <v>38</v>
      </c>
      <c r="M54" s="3168" t="s">
        <v>38</v>
      </c>
      <c r="N54" s="3168" t="s">
        <v>38</v>
      </c>
    </row>
    <row r="55" spans="1:14" ht="10.4" customHeight="1" x14ac:dyDescent="0.25">
      <c r="A55" s="3168" t="s">
        <v>778</v>
      </c>
      <c r="B55" s="3168" t="s">
        <v>38</v>
      </c>
      <c r="C55" s="3168" t="s">
        <v>38</v>
      </c>
      <c r="D55" s="3168" t="s">
        <v>38</v>
      </c>
      <c r="E55" s="3168" t="s">
        <v>38</v>
      </c>
      <c r="F55" s="3168" t="s">
        <v>38</v>
      </c>
      <c r="G55" s="3168" t="s">
        <v>38</v>
      </c>
      <c r="H55" s="3168" t="s">
        <v>38</v>
      </c>
      <c r="I55" s="3168" t="s">
        <v>38</v>
      </c>
      <c r="J55" s="3168" t="s">
        <v>38</v>
      </c>
      <c r="K55" s="3168" t="s">
        <v>38</v>
      </c>
      <c r="L55" s="3168" t="s">
        <v>38</v>
      </c>
      <c r="M55" s="3168" t="s">
        <v>38</v>
      </c>
      <c r="N55" s="3168" t="s">
        <v>38</v>
      </c>
    </row>
    <row r="56" spans="1:14" ht="10.4" customHeight="1" x14ac:dyDescent="0.25">
      <c r="A56" s="3168" t="s">
        <v>779</v>
      </c>
      <c r="B56" s="3168" t="s">
        <v>38</v>
      </c>
      <c r="C56" s="3168" t="s">
        <v>38</v>
      </c>
      <c r="D56" s="3168" t="s">
        <v>38</v>
      </c>
      <c r="E56" s="3168" t="s">
        <v>38</v>
      </c>
      <c r="F56" s="3168" t="s">
        <v>38</v>
      </c>
      <c r="G56" s="3168" t="s">
        <v>38</v>
      </c>
      <c r="H56" s="3168" t="s">
        <v>38</v>
      </c>
      <c r="I56" s="3168" t="s">
        <v>38</v>
      </c>
      <c r="J56" s="3168" t="s">
        <v>38</v>
      </c>
      <c r="K56" s="3168" t="s">
        <v>38</v>
      </c>
      <c r="L56" s="3168" t="s">
        <v>38</v>
      </c>
      <c r="M56" s="3168" t="s">
        <v>38</v>
      </c>
      <c r="N56" s="3168" t="s">
        <v>38</v>
      </c>
    </row>
    <row r="57" spans="1:14" ht="10.4" customHeight="1" x14ac:dyDescent="0.25">
      <c r="A57" s="3168" t="s">
        <v>780</v>
      </c>
      <c r="B57" s="3168" t="s">
        <v>38</v>
      </c>
      <c r="C57" s="3168" t="s">
        <v>38</v>
      </c>
      <c r="D57" s="3168" t="s">
        <v>38</v>
      </c>
      <c r="E57" s="3168" t="s">
        <v>38</v>
      </c>
      <c r="F57" s="3168" t="s">
        <v>38</v>
      </c>
      <c r="G57" s="3168" t="s">
        <v>38</v>
      </c>
      <c r="H57" s="3168" t="s">
        <v>38</v>
      </c>
      <c r="I57" s="3168" t="s">
        <v>38</v>
      </c>
      <c r="J57" s="3168" t="s">
        <v>38</v>
      </c>
      <c r="K57" s="3168" t="s">
        <v>38</v>
      </c>
      <c r="L57" s="3168" t="s">
        <v>38</v>
      </c>
      <c r="M57" s="3168" t="s">
        <v>38</v>
      </c>
      <c r="N57" s="3168" t="s">
        <v>38</v>
      </c>
    </row>
    <row r="58" spans="1:14" ht="10.4" customHeight="1" x14ac:dyDescent="0.25">
      <c r="A58" s="3168"/>
      <c r="B58" s="3168"/>
      <c r="C58" s="3168"/>
      <c r="D58" s="3168"/>
      <c r="E58" s="3168"/>
      <c r="F58" s="3168"/>
      <c r="G58" s="3168"/>
      <c r="H58" s="3168"/>
      <c r="I58" s="3168"/>
      <c r="J58" s="3168"/>
      <c r="K58" s="3168"/>
      <c r="L58" s="3168"/>
      <c r="M58" s="3168"/>
      <c r="N58" s="3168"/>
    </row>
    <row r="59" spans="1:14" ht="10.4" customHeight="1" x14ac:dyDescent="0.25">
      <c r="A59" s="3168"/>
      <c r="B59" s="3168"/>
      <c r="C59" s="3168"/>
      <c r="D59" s="3168"/>
      <c r="E59" s="3168"/>
      <c r="F59" s="3168"/>
      <c r="G59" s="3168"/>
      <c r="H59" s="3168"/>
      <c r="I59" s="3168"/>
      <c r="J59" s="3168"/>
      <c r="K59" s="3168"/>
      <c r="L59" s="3168"/>
      <c r="M59" s="3168"/>
      <c r="N59" s="3168"/>
    </row>
    <row r="60" spans="1:14" ht="10.4" customHeight="1" x14ac:dyDescent="0.25">
      <c r="A60" s="3158"/>
      <c r="B60" s="3158" t="s">
        <v>38</v>
      </c>
      <c r="C60" s="3158" t="s">
        <v>38</v>
      </c>
      <c r="D60" s="3158" t="s">
        <v>38</v>
      </c>
      <c r="E60" s="3158" t="s">
        <v>38</v>
      </c>
      <c r="F60" s="3158" t="s">
        <v>38</v>
      </c>
      <c r="G60" s="3158" t="s">
        <v>38</v>
      </c>
      <c r="H60" s="3158" t="s">
        <v>38</v>
      </c>
      <c r="I60" s="3158" t="s">
        <v>38</v>
      </c>
      <c r="J60" s="3158" t="s">
        <v>38</v>
      </c>
      <c r="K60" s="3158" t="s">
        <v>38</v>
      </c>
      <c r="L60" s="3158" t="s">
        <v>38</v>
      </c>
      <c r="M60" s="269"/>
      <c r="N60" s="269"/>
    </row>
  </sheetData>
  <mergeCells count="14">
    <mergeCell ref="A60:L60"/>
    <mergeCell ref="A2:N2"/>
    <mergeCell ref="B3:C3"/>
    <mergeCell ref="D3:G3"/>
    <mergeCell ref="H3:J3"/>
    <mergeCell ref="K3:L3"/>
    <mergeCell ref="M3:N3"/>
    <mergeCell ref="A55:N55"/>
    <mergeCell ref="A56:N56"/>
    <mergeCell ref="A57:N57"/>
    <mergeCell ref="A58:N58"/>
    <mergeCell ref="A59:N59"/>
    <mergeCell ref="A53:N53"/>
    <mergeCell ref="A54:N54"/>
  </mergeCells>
  <hyperlinks>
    <hyperlink ref="A1" location="TDM!A1" display="Retour à la table des matières" xr:uid="{00000000-0004-0000-0900-000000000000}"/>
  </hyperlinks>
  <printOptions horizontalCentered="1"/>
  <pageMargins left="0.51181102362204722" right="0.51181102362204722" top="0.51181102362204722" bottom="0.51181102362204722" header="0.23622047244094491" footer="0.23622047244094491"/>
  <pageSetup scale="55" orientation="landscape" r:id="rId1"/>
  <headerFooter>
    <oddFooter>&amp;L&amp;G&amp;C&amp;"Scotia,Regular"&amp;9Informations financières supplémentaires (IFS)&amp;R&amp;"Scotia,Regular"&amp;9&amp;A</oddFooter>
  </headerFooter>
  <legacyDrawingHF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B3D03F-D893-428F-8B39-F542BA4A1C31}">
  <sheetPr>
    <pageSetUpPr fitToPage="1"/>
  </sheetPr>
  <dimension ref="A1:N59"/>
  <sheetViews>
    <sheetView showGridLines="0" zoomScaleNormal="100" workbookViewId="0"/>
  </sheetViews>
  <sheetFormatPr defaultColWidth="8.7265625" defaultRowHeight="12.5" x14ac:dyDescent="0.25"/>
  <cols>
    <col min="1" max="1" width="109.26953125" style="25" customWidth="1"/>
    <col min="2" max="2" width="10.7265625" style="25" customWidth="1"/>
    <col min="3" max="10" width="12.7265625" style="25" customWidth="1"/>
    <col min="11" max="12" width="10.7265625" style="25" customWidth="1"/>
    <col min="13" max="14" width="12.7265625" style="25" customWidth="1"/>
    <col min="15" max="16384" width="8.7265625" style="25"/>
  </cols>
  <sheetData>
    <row r="1" spans="1:14" ht="20.149999999999999" customHeight="1" x14ac:dyDescent="0.25">
      <c r="A1" s="24" t="s">
        <v>37</v>
      </c>
    </row>
    <row r="2" spans="1:14" ht="25" customHeight="1" x14ac:dyDescent="0.25">
      <c r="A2" s="3171" t="s">
        <v>239</v>
      </c>
      <c r="B2" s="3172" t="s">
        <v>38</v>
      </c>
      <c r="C2" s="3172" t="s">
        <v>38</v>
      </c>
      <c r="D2" s="3172" t="s">
        <v>38</v>
      </c>
      <c r="E2" s="3172" t="s">
        <v>38</v>
      </c>
      <c r="F2" s="3172" t="s">
        <v>38</v>
      </c>
      <c r="G2" s="3172" t="s">
        <v>38</v>
      </c>
      <c r="H2" s="3172" t="s">
        <v>38</v>
      </c>
      <c r="I2" s="3172" t="s">
        <v>38</v>
      </c>
      <c r="J2" s="3172" t="s">
        <v>38</v>
      </c>
      <c r="K2" s="3172" t="s">
        <v>38</v>
      </c>
      <c r="L2" s="3172" t="s">
        <v>38</v>
      </c>
      <c r="M2" s="3172" t="s">
        <v>38</v>
      </c>
      <c r="N2" s="3172" t="s">
        <v>38</v>
      </c>
    </row>
    <row r="3" spans="1:14" ht="14.5" customHeight="1" x14ac:dyDescent="0.25">
      <c r="A3" s="270"/>
      <c r="B3" s="3173" t="s">
        <v>174</v>
      </c>
      <c r="C3" s="3174" t="s">
        <v>38</v>
      </c>
      <c r="D3" s="3175" t="s">
        <v>240</v>
      </c>
      <c r="E3" s="3176" t="s">
        <v>38</v>
      </c>
      <c r="F3" s="3176" t="s">
        <v>38</v>
      </c>
      <c r="G3" s="3177" t="s">
        <v>38</v>
      </c>
      <c r="H3" s="3175" t="s">
        <v>241</v>
      </c>
      <c r="I3" s="3176" t="s">
        <v>38</v>
      </c>
      <c r="J3" s="3176" t="s">
        <v>38</v>
      </c>
      <c r="K3" s="3175" t="s">
        <v>716</v>
      </c>
      <c r="L3" s="3177" t="s">
        <v>38</v>
      </c>
      <c r="M3" s="3176" t="s">
        <v>717</v>
      </c>
      <c r="N3" s="3176" t="s">
        <v>38</v>
      </c>
    </row>
    <row r="4" spans="1:14" ht="14.5" customHeight="1" x14ac:dyDescent="0.25">
      <c r="A4" s="271"/>
      <c r="B4" s="272" t="s">
        <v>49</v>
      </c>
      <c r="C4" s="273" t="s">
        <v>45</v>
      </c>
      <c r="D4" s="274" t="s">
        <v>569</v>
      </c>
      <c r="E4" s="275" t="s">
        <v>570</v>
      </c>
      <c r="F4" s="275" t="s">
        <v>49</v>
      </c>
      <c r="G4" s="276" t="s">
        <v>45</v>
      </c>
      <c r="H4" s="274" t="s">
        <v>569</v>
      </c>
      <c r="I4" s="275" t="s">
        <v>570</v>
      </c>
      <c r="J4" s="275" t="s">
        <v>49</v>
      </c>
      <c r="K4" s="277">
        <v>2023</v>
      </c>
      <c r="L4" s="278">
        <v>2022</v>
      </c>
      <c r="M4" s="279">
        <v>2022</v>
      </c>
      <c r="N4" s="280">
        <v>2021</v>
      </c>
    </row>
    <row r="5" spans="1:14" ht="15" customHeight="1" x14ac:dyDescent="0.25">
      <c r="A5" s="281" t="s">
        <v>781</v>
      </c>
      <c r="B5" s="282"/>
      <c r="C5" s="283"/>
      <c r="D5" s="284"/>
      <c r="E5" s="285"/>
      <c r="F5" s="285"/>
      <c r="G5" s="286"/>
      <c r="H5" s="287"/>
      <c r="I5" s="285"/>
      <c r="J5" s="285"/>
      <c r="K5" s="288"/>
      <c r="L5" s="289"/>
      <c r="M5" s="290"/>
      <c r="N5" s="290"/>
    </row>
    <row r="6" spans="1:14" ht="15" customHeight="1" x14ac:dyDescent="0.25">
      <c r="A6" s="291" t="s">
        <v>585</v>
      </c>
      <c r="B6" s="1854">
        <v>2007</v>
      </c>
      <c r="C6" s="1855">
        <v>1899</v>
      </c>
      <c r="D6" s="1856">
        <v>1806</v>
      </c>
      <c r="E6" s="1857">
        <v>1759</v>
      </c>
      <c r="F6" s="1857">
        <v>1687</v>
      </c>
      <c r="G6" s="1858">
        <v>1648</v>
      </c>
      <c r="H6" s="1856">
        <v>1589</v>
      </c>
      <c r="I6" s="1857">
        <v>1586</v>
      </c>
      <c r="J6" s="1857">
        <v>1662</v>
      </c>
      <c r="K6" s="1859">
        <v>3906</v>
      </c>
      <c r="L6" s="1860">
        <v>3335</v>
      </c>
      <c r="M6" s="1861">
        <v>6900</v>
      </c>
      <c r="N6" s="1861">
        <v>6625</v>
      </c>
    </row>
    <row r="7" spans="1:14" ht="15" customHeight="1" x14ac:dyDescent="0.25">
      <c r="A7" s="291" t="s">
        <v>212</v>
      </c>
      <c r="B7" s="1854">
        <v>745</v>
      </c>
      <c r="C7" s="1855">
        <v>802</v>
      </c>
      <c r="D7" s="1856">
        <v>698</v>
      </c>
      <c r="E7" s="1857">
        <v>660</v>
      </c>
      <c r="F7" s="1857">
        <v>720</v>
      </c>
      <c r="G7" s="1858">
        <v>749</v>
      </c>
      <c r="H7" s="1856">
        <v>728</v>
      </c>
      <c r="I7" s="1857">
        <v>776</v>
      </c>
      <c r="J7" s="1857">
        <v>716</v>
      </c>
      <c r="K7" s="1859">
        <v>1547</v>
      </c>
      <c r="L7" s="1860">
        <v>1469</v>
      </c>
      <c r="M7" s="1861">
        <v>2827</v>
      </c>
      <c r="N7" s="1861">
        <v>2993</v>
      </c>
    </row>
    <row r="8" spans="1:14" ht="15" customHeight="1" x14ac:dyDescent="0.25">
      <c r="A8" s="292" t="s">
        <v>211</v>
      </c>
      <c r="B8" s="1862">
        <v>582</v>
      </c>
      <c r="C8" s="1863">
        <v>634</v>
      </c>
      <c r="D8" s="1864">
        <v>557</v>
      </c>
      <c r="E8" s="1865">
        <v>539</v>
      </c>
      <c r="F8" s="1865">
        <v>547</v>
      </c>
      <c r="G8" s="1866">
        <v>550</v>
      </c>
      <c r="H8" s="1864">
        <v>519</v>
      </c>
      <c r="I8" s="1865">
        <v>494</v>
      </c>
      <c r="J8" s="1865">
        <v>525</v>
      </c>
      <c r="K8" s="1859">
        <v>1216</v>
      </c>
      <c r="L8" s="1867">
        <v>1097</v>
      </c>
      <c r="M8" s="1868">
        <v>2193</v>
      </c>
      <c r="N8" s="1868">
        <v>2058</v>
      </c>
    </row>
    <row r="9" spans="1:14" ht="15" customHeight="1" x14ac:dyDescent="0.25">
      <c r="A9" s="292" t="s">
        <v>210</v>
      </c>
      <c r="B9" s="1862">
        <v>69</v>
      </c>
      <c r="C9" s="1863">
        <v>63</v>
      </c>
      <c r="D9" s="1864">
        <v>51</v>
      </c>
      <c r="E9" s="1865">
        <v>54</v>
      </c>
      <c r="F9" s="1865">
        <v>77</v>
      </c>
      <c r="G9" s="1866">
        <v>68</v>
      </c>
      <c r="H9" s="1864">
        <v>52</v>
      </c>
      <c r="I9" s="1865">
        <v>52</v>
      </c>
      <c r="J9" s="1865">
        <v>53</v>
      </c>
      <c r="K9" s="1859">
        <v>132</v>
      </c>
      <c r="L9" s="1867">
        <v>145</v>
      </c>
      <c r="M9" s="1868">
        <v>250</v>
      </c>
      <c r="N9" s="1868">
        <v>206</v>
      </c>
    </row>
    <row r="10" spans="1:14" ht="15" customHeight="1" x14ac:dyDescent="0.25">
      <c r="A10" s="292" t="s">
        <v>94</v>
      </c>
      <c r="B10" s="1862">
        <v>94</v>
      </c>
      <c r="C10" s="1863">
        <v>105</v>
      </c>
      <c r="D10" s="1864">
        <v>90</v>
      </c>
      <c r="E10" s="1865">
        <v>67</v>
      </c>
      <c r="F10" s="1865">
        <v>96</v>
      </c>
      <c r="G10" s="1866">
        <v>131</v>
      </c>
      <c r="H10" s="1864">
        <v>157</v>
      </c>
      <c r="I10" s="1865">
        <v>230</v>
      </c>
      <c r="J10" s="1865">
        <v>138</v>
      </c>
      <c r="K10" s="1859">
        <v>199</v>
      </c>
      <c r="L10" s="1867">
        <v>227</v>
      </c>
      <c r="M10" s="1868">
        <v>384</v>
      </c>
      <c r="N10" s="1868">
        <v>729</v>
      </c>
    </row>
    <row r="11" spans="1:14" ht="15" customHeight="1" x14ac:dyDescent="0.25">
      <c r="A11" s="293" t="s">
        <v>75</v>
      </c>
      <c r="B11" s="1854">
        <v>2752</v>
      </c>
      <c r="C11" s="1855">
        <v>2701</v>
      </c>
      <c r="D11" s="1856">
        <v>2504</v>
      </c>
      <c r="E11" s="1857">
        <v>2419</v>
      </c>
      <c r="F11" s="1857">
        <v>2407</v>
      </c>
      <c r="G11" s="1858">
        <v>2397</v>
      </c>
      <c r="H11" s="1856">
        <v>2317</v>
      </c>
      <c r="I11" s="1857">
        <v>2362</v>
      </c>
      <c r="J11" s="1857">
        <v>2378</v>
      </c>
      <c r="K11" s="1859">
        <v>5453</v>
      </c>
      <c r="L11" s="1860">
        <v>4804</v>
      </c>
      <c r="M11" s="1861">
        <v>9727</v>
      </c>
      <c r="N11" s="1861">
        <v>9618</v>
      </c>
    </row>
    <row r="12" spans="1:14" ht="15" customHeight="1" x14ac:dyDescent="0.25">
      <c r="A12" s="291" t="s">
        <v>58</v>
      </c>
      <c r="B12" s="1854">
        <v>436</v>
      </c>
      <c r="C12" s="1869">
        <v>404</v>
      </c>
      <c r="D12" s="1856">
        <v>355</v>
      </c>
      <c r="E12" s="1857">
        <v>325</v>
      </c>
      <c r="F12" s="1857">
        <v>276</v>
      </c>
      <c r="G12" s="1858">
        <v>274</v>
      </c>
      <c r="H12" s="1856">
        <v>314</v>
      </c>
      <c r="I12" s="1857">
        <v>339</v>
      </c>
      <c r="J12" s="1857">
        <v>396</v>
      </c>
      <c r="K12" s="1859">
        <v>840</v>
      </c>
      <c r="L12" s="1860">
        <v>550</v>
      </c>
      <c r="M12" s="1861">
        <v>1230</v>
      </c>
      <c r="N12" s="1861">
        <v>1574</v>
      </c>
    </row>
    <row r="13" spans="1:14" ht="15" customHeight="1" x14ac:dyDescent="0.25">
      <c r="A13" s="291" t="s">
        <v>586</v>
      </c>
      <c r="B13" s="1854">
        <v>1479</v>
      </c>
      <c r="C13" s="1869">
        <v>1436</v>
      </c>
      <c r="D13" s="1856">
        <v>1364</v>
      </c>
      <c r="E13" s="1857">
        <v>1295</v>
      </c>
      <c r="F13" s="1857">
        <v>1268</v>
      </c>
      <c r="G13" s="1858">
        <v>1285</v>
      </c>
      <c r="H13" s="1856">
        <v>1259</v>
      </c>
      <c r="I13" s="1857">
        <v>1299</v>
      </c>
      <c r="J13" s="1857">
        <v>1294</v>
      </c>
      <c r="K13" s="1859">
        <v>2915</v>
      </c>
      <c r="L13" s="1860">
        <v>2553</v>
      </c>
      <c r="M13" s="1861">
        <v>5212</v>
      </c>
      <c r="N13" s="1861">
        <v>5254</v>
      </c>
    </row>
    <row r="14" spans="1:14" ht="15" customHeight="1" x14ac:dyDescent="0.25">
      <c r="A14" s="293" t="s">
        <v>56</v>
      </c>
      <c r="B14" s="1854">
        <v>837</v>
      </c>
      <c r="C14" s="1869">
        <v>861</v>
      </c>
      <c r="D14" s="1856">
        <v>785</v>
      </c>
      <c r="E14" s="1857">
        <v>799</v>
      </c>
      <c r="F14" s="1857">
        <v>863</v>
      </c>
      <c r="G14" s="1858">
        <v>838</v>
      </c>
      <c r="H14" s="1856">
        <v>744</v>
      </c>
      <c r="I14" s="1857">
        <v>724</v>
      </c>
      <c r="J14" s="1857">
        <v>688</v>
      </c>
      <c r="K14" s="1859">
        <v>1698</v>
      </c>
      <c r="L14" s="1860">
        <v>1701</v>
      </c>
      <c r="M14" s="1861">
        <v>3285</v>
      </c>
      <c r="N14" s="1861">
        <v>2790</v>
      </c>
    </row>
    <row r="15" spans="1:14" ht="15" customHeight="1" x14ac:dyDescent="0.25">
      <c r="A15" s="291" t="s">
        <v>74</v>
      </c>
      <c r="B15" s="1854">
        <v>172</v>
      </c>
      <c r="C15" s="1869">
        <v>169</v>
      </c>
      <c r="D15" s="1856">
        <v>106</v>
      </c>
      <c r="E15" s="1857">
        <v>122</v>
      </c>
      <c r="F15" s="1857">
        <v>182</v>
      </c>
      <c r="G15" s="1858">
        <v>208</v>
      </c>
      <c r="H15" s="1856">
        <v>137</v>
      </c>
      <c r="I15" s="1857">
        <v>160</v>
      </c>
      <c r="J15" s="1857">
        <v>181</v>
      </c>
      <c r="K15" s="1859">
        <v>341</v>
      </c>
      <c r="L15" s="1860">
        <v>390</v>
      </c>
      <c r="M15" s="1861">
        <v>618</v>
      </c>
      <c r="N15" s="1861">
        <v>635</v>
      </c>
    </row>
    <row r="16" spans="1:14" ht="15" customHeight="1" x14ac:dyDescent="0.25">
      <c r="A16" s="293" t="s">
        <v>72</v>
      </c>
      <c r="B16" s="1854">
        <v>665</v>
      </c>
      <c r="C16" s="1869">
        <v>692</v>
      </c>
      <c r="D16" s="1856">
        <v>679</v>
      </c>
      <c r="E16" s="1857">
        <v>677</v>
      </c>
      <c r="F16" s="1857">
        <v>681</v>
      </c>
      <c r="G16" s="1858">
        <v>630</v>
      </c>
      <c r="H16" s="1856">
        <v>607</v>
      </c>
      <c r="I16" s="1857">
        <v>564</v>
      </c>
      <c r="J16" s="1857">
        <v>507</v>
      </c>
      <c r="K16" s="1859">
        <v>1357</v>
      </c>
      <c r="L16" s="1860">
        <v>1311</v>
      </c>
      <c r="M16" s="1861">
        <v>2667</v>
      </c>
      <c r="N16" s="1861">
        <v>2155</v>
      </c>
    </row>
    <row r="17" spans="1:14" ht="15" customHeight="1" x14ac:dyDescent="0.25">
      <c r="A17" s="291" t="s">
        <v>622</v>
      </c>
      <c r="B17" s="1854">
        <v>8</v>
      </c>
      <c r="C17" s="1869">
        <v>7</v>
      </c>
      <c r="D17" s="1856">
        <v>7</v>
      </c>
      <c r="E17" s="1857">
        <v>6</v>
      </c>
      <c r="F17" s="1857">
        <v>8</v>
      </c>
      <c r="G17" s="1858">
        <v>7</v>
      </c>
      <c r="H17" s="1856">
        <v>7</v>
      </c>
      <c r="I17" s="1857">
        <v>7</v>
      </c>
      <c r="J17" s="1857">
        <v>9</v>
      </c>
      <c r="K17" s="1859">
        <v>15</v>
      </c>
      <c r="L17" s="1860">
        <v>15</v>
      </c>
      <c r="M17" s="1861">
        <v>28</v>
      </c>
      <c r="N17" s="1861">
        <v>32</v>
      </c>
    </row>
    <row r="18" spans="1:14" ht="15" customHeight="1" x14ac:dyDescent="0.25">
      <c r="A18" s="293" t="s">
        <v>623</v>
      </c>
      <c r="B18" s="1854">
        <v>673</v>
      </c>
      <c r="C18" s="1869">
        <v>699</v>
      </c>
      <c r="D18" s="1856">
        <v>686</v>
      </c>
      <c r="E18" s="1857">
        <v>683</v>
      </c>
      <c r="F18" s="1857">
        <v>689</v>
      </c>
      <c r="G18" s="1858">
        <v>637</v>
      </c>
      <c r="H18" s="1856">
        <v>614</v>
      </c>
      <c r="I18" s="1857">
        <v>571</v>
      </c>
      <c r="J18" s="1857">
        <v>516</v>
      </c>
      <c r="K18" s="1870">
        <v>1372</v>
      </c>
      <c r="L18" s="1871">
        <v>1326</v>
      </c>
      <c r="M18" s="1857">
        <v>2695</v>
      </c>
      <c r="N18" s="1857">
        <v>2187</v>
      </c>
    </row>
    <row r="19" spans="1:14" ht="15" customHeight="1" x14ac:dyDescent="0.25">
      <c r="A19" s="293" t="s">
        <v>782</v>
      </c>
      <c r="B19" s="1854">
        <v>23</v>
      </c>
      <c r="C19" s="1869">
        <v>38</v>
      </c>
      <c r="D19" s="1856">
        <v>36</v>
      </c>
      <c r="E19" s="1857">
        <v>52</v>
      </c>
      <c r="F19" s="1857">
        <v>76</v>
      </c>
      <c r="G19" s="1858">
        <v>85</v>
      </c>
      <c r="H19" s="1856">
        <v>79</v>
      </c>
      <c r="I19" s="1857">
        <v>78</v>
      </c>
      <c r="J19" s="1857">
        <v>87</v>
      </c>
      <c r="K19" s="1859">
        <v>61</v>
      </c>
      <c r="L19" s="1860">
        <v>161</v>
      </c>
      <c r="M19" s="1861">
        <v>249</v>
      </c>
      <c r="N19" s="1861">
        <v>332</v>
      </c>
    </row>
    <row r="20" spans="1:14" ht="15" customHeight="1" x14ac:dyDescent="0.25">
      <c r="A20" s="293" t="s">
        <v>783</v>
      </c>
      <c r="B20" s="1854">
        <v>642</v>
      </c>
      <c r="C20" s="1869">
        <v>654</v>
      </c>
      <c r="D20" s="1856">
        <v>643</v>
      </c>
      <c r="E20" s="1857">
        <v>625</v>
      </c>
      <c r="F20" s="1857">
        <v>605</v>
      </c>
      <c r="G20" s="1858">
        <v>545</v>
      </c>
      <c r="H20" s="1856">
        <v>528</v>
      </c>
      <c r="I20" s="1857">
        <v>486</v>
      </c>
      <c r="J20" s="1857">
        <v>420</v>
      </c>
      <c r="K20" s="1870">
        <v>1296</v>
      </c>
      <c r="L20" s="1871">
        <v>1150</v>
      </c>
      <c r="M20" s="1857">
        <v>2418</v>
      </c>
      <c r="N20" s="1857">
        <v>1823</v>
      </c>
    </row>
    <row r="21" spans="1:14" ht="15" customHeight="1" x14ac:dyDescent="0.25">
      <c r="A21" s="293" t="s">
        <v>784</v>
      </c>
      <c r="B21" s="1854">
        <v>23</v>
      </c>
      <c r="C21" s="1869">
        <v>38</v>
      </c>
      <c r="D21" s="1856">
        <v>36</v>
      </c>
      <c r="E21" s="1857">
        <v>52</v>
      </c>
      <c r="F21" s="1857">
        <v>76</v>
      </c>
      <c r="G21" s="1858">
        <v>85</v>
      </c>
      <c r="H21" s="1856">
        <v>79</v>
      </c>
      <c r="I21" s="1857">
        <v>78</v>
      </c>
      <c r="J21" s="1857">
        <v>87</v>
      </c>
      <c r="K21" s="1859">
        <v>61</v>
      </c>
      <c r="L21" s="1860">
        <v>161</v>
      </c>
      <c r="M21" s="1861">
        <v>249</v>
      </c>
      <c r="N21" s="1861">
        <v>332</v>
      </c>
    </row>
    <row r="22" spans="1:14" ht="15" customHeight="1" x14ac:dyDescent="0.25">
      <c r="A22" s="293" t="s">
        <v>785</v>
      </c>
      <c r="B22" s="1854">
        <v>650</v>
      </c>
      <c r="C22" s="1869">
        <v>661</v>
      </c>
      <c r="D22" s="1856">
        <v>650</v>
      </c>
      <c r="E22" s="1857">
        <v>631</v>
      </c>
      <c r="F22" s="1857">
        <v>613</v>
      </c>
      <c r="G22" s="1858">
        <v>552</v>
      </c>
      <c r="H22" s="1856">
        <v>535</v>
      </c>
      <c r="I22" s="1857">
        <v>493</v>
      </c>
      <c r="J22" s="1857">
        <v>429</v>
      </c>
      <c r="K22" s="1870">
        <v>1311</v>
      </c>
      <c r="L22" s="1871">
        <v>1165</v>
      </c>
      <c r="M22" s="1857">
        <v>2446</v>
      </c>
      <c r="N22" s="1857">
        <v>1855</v>
      </c>
    </row>
    <row r="23" spans="1:14" ht="15" customHeight="1" x14ac:dyDescent="0.25">
      <c r="A23" s="294" t="s">
        <v>231</v>
      </c>
      <c r="B23" s="1872"/>
      <c r="C23" s="1873"/>
      <c r="D23" s="1874"/>
      <c r="E23" s="1875"/>
      <c r="F23" s="1875"/>
      <c r="G23" s="1876"/>
      <c r="H23" s="1877"/>
      <c r="I23" s="1875"/>
      <c r="J23" s="1875"/>
      <c r="K23" s="1878"/>
      <c r="L23" s="1879"/>
      <c r="M23" s="1880"/>
      <c r="N23" s="1880"/>
    </row>
    <row r="24" spans="1:14" ht="15" customHeight="1" x14ac:dyDescent="0.25">
      <c r="A24" s="295" t="s">
        <v>624</v>
      </c>
      <c r="B24" s="296">
        <v>4.12</v>
      </c>
      <c r="C24" s="297">
        <v>4</v>
      </c>
      <c r="D24" s="298">
        <v>4.08</v>
      </c>
      <c r="E24" s="299">
        <v>3.95</v>
      </c>
      <c r="F24" s="299">
        <v>3.96</v>
      </c>
      <c r="G24" s="300">
        <v>3.87</v>
      </c>
      <c r="H24" s="298">
        <v>3.78</v>
      </c>
      <c r="I24" s="299">
        <v>3.81</v>
      </c>
      <c r="J24" s="299">
        <v>4.05</v>
      </c>
      <c r="K24" s="301">
        <v>4.0599999999999996</v>
      </c>
      <c r="L24" s="302">
        <v>3.91</v>
      </c>
      <c r="M24" s="303">
        <v>3.96</v>
      </c>
      <c r="N24" s="303">
        <v>3.95</v>
      </c>
    </row>
    <row r="25" spans="1:14" ht="15" customHeight="1" x14ac:dyDescent="0.25">
      <c r="A25" s="304" t="s">
        <v>625</v>
      </c>
      <c r="B25" s="305">
        <v>0.83</v>
      </c>
      <c r="C25" s="306">
        <v>0.88</v>
      </c>
      <c r="D25" s="307">
        <v>0.76</v>
      </c>
      <c r="E25" s="308">
        <v>0.74</v>
      </c>
      <c r="F25" s="308">
        <v>0.76</v>
      </c>
      <c r="G25" s="309">
        <v>0.88</v>
      </c>
      <c r="H25" s="307">
        <v>1.25</v>
      </c>
      <c r="I25" s="308">
        <v>2.37</v>
      </c>
      <c r="J25" s="308">
        <v>2.72</v>
      </c>
      <c r="K25" s="310">
        <v>0.86</v>
      </c>
      <c r="L25" s="311">
        <v>0.82</v>
      </c>
      <c r="M25" s="312">
        <v>0.79</v>
      </c>
      <c r="N25" s="312">
        <v>1.89</v>
      </c>
    </row>
    <row r="26" spans="1:14" ht="15" customHeight="1" x14ac:dyDescent="0.25">
      <c r="A26" s="313" t="s">
        <v>173</v>
      </c>
      <c r="B26" s="314"/>
      <c r="C26" s="315"/>
      <c r="D26" s="316"/>
      <c r="E26" s="317"/>
      <c r="F26" s="317"/>
      <c r="G26" s="318"/>
      <c r="H26" s="319"/>
      <c r="I26" s="317"/>
      <c r="J26" s="317"/>
      <c r="K26" s="310"/>
      <c r="L26" s="311"/>
      <c r="M26" s="312"/>
      <c r="N26" s="312"/>
    </row>
    <row r="27" spans="1:14" ht="15" customHeight="1" x14ac:dyDescent="0.25">
      <c r="A27" s="320" t="s">
        <v>626</v>
      </c>
      <c r="B27" s="1881">
        <v>13.2</v>
      </c>
      <c r="C27" s="1882">
        <v>13.4</v>
      </c>
      <c r="D27" s="1883">
        <v>13.06</v>
      </c>
      <c r="E27" s="1884">
        <v>13</v>
      </c>
      <c r="F27" s="1884">
        <v>13.2</v>
      </c>
      <c r="G27" s="1885">
        <v>12.2</v>
      </c>
      <c r="H27" s="1883">
        <v>12</v>
      </c>
      <c r="I27" s="1884">
        <v>11.1</v>
      </c>
      <c r="J27" s="1884">
        <v>9.9</v>
      </c>
      <c r="K27" s="1886">
        <v>13.3</v>
      </c>
      <c r="L27" s="1887">
        <v>12.7</v>
      </c>
      <c r="M27" s="1888">
        <v>12.9</v>
      </c>
      <c r="N27" s="1888">
        <v>10.4</v>
      </c>
    </row>
    <row r="28" spans="1:14" ht="31" x14ac:dyDescent="0.25">
      <c r="A28" s="1480" t="s">
        <v>786</v>
      </c>
      <c r="B28" s="1889">
        <v>1.03</v>
      </c>
      <c r="C28" s="1890">
        <v>0.96</v>
      </c>
      <c r="D28" s="1891">
        <v>0.89</v>
      </c>
      <c r="E28" s="1892">
        <v>0.84</v>
      </c>
      <c r="F28" s="1892">
        <v>0.77</v>
      </c>
      <c r="G28" s="1893">
        <v>0.77</v>
      </c>
      <c r="H28" s="1891">
        <v>0.91</v>
      </c>
      <c r="I28" s="1892">
        <v>1</v>
      </c>
      <c r="J28" s="1892">
        <v>1.18</v>
      </c>
      <c r="K28" s="1894">
        <v>0.99</v>
      </c>
      <c r="L28" s="1895">
        <v>0.77</v>
      </c>
      <c r="M28" s="1896">
        <v>0.82</v>
      </c>
      <c r="N28" s="1896">
        <v>1.1499999999999999</v>
      </c>
    </row>
    <row r="29" spans="1:14" ht="16.5" x14ac:dyDescent="0.25">
      <c r="A29" s="320" t="s">
        <v>787</v>
      </c>
      <c r="B29" s="1889">
        <v>0.94</v>
      </c>
      <c r="C29" s="1890">
        <v>0.89</v>
      </c>
      <c r="D29" s="1891">
        <v>0.81</v>
      </c>
      <c r="E29" s="1892">
        <v>0.68</v>
      </c>
      <c r="F29" s="1892">
        <v>0.77</v>
      </c>
      <c r="G29" s="1893">
        <v>0.81</v>
      </c>
      <c r="H29" s="1891">
        <v>1.18</v>
      </c>
      <c r="I29" s="1892">
        <v>2.08</v>
      </c>
      <c r="J29" s="1892">
        <v>2.81</v>
      </c>
      <c r="K29" s="1894">
        <v>0.91</v>
      </c>
      <c r="L29" s="1895">
        <v>0.79</v>
      </c>
      <c r="M29" s="1896">
        <v>0.77</v>
      </c>
      <c r="N29" s="1896">
        <v>1.88</v>
      </c>
    </row>
    <row r="30" spans="1:14" ht="15" customHeight="1" x14ac:dyDescent="0.25">
      <c r="A30" s="321" t="s">
        <v>627</v>
      </c>
      <c r="B30" s="1881">
        <v>53.7</v>
      </c>
      <c r="C30" s="1882">
        <v>53.2</v>
      </c>
      <c r="D30" s="1883">
        <v>54.49</v>
      </c>
      <c r="E30" s="1884">
        <v>53.5</v>
      </c>
      <c r="F30" s="1884">
        <v>52.7</v>
      </c>
      <c r="G30" s="1885">
        <v>53.6</v>
      </c>
      <c r="H30" s="1883">
        <v>54.3</v>
      </c>
      <c r="I30" s="1884">
        <v>55</v>
      </c>
      <c r="J30" s="1884">
        <v>54.4</v>
      </c>
      <c r="K30" s="1886">
        <v>53.5</v>
      </c>
      <c r="L30" s="1887">
        <v>53.1</v>
      </c>
      <c r="M30" s="1888">
        <v>53.6</v>
      </c>
      <c r="N30" s="1888">
        <v>54.6</v>
      </c>
    </row>
    <row r="31" spans="1:14" ht="15" customHeight="1" x14ac:dyDescent="0.25">
      <c r="A31" s="322" t="s">
        <v>693</v>
      </c>
      <c r="B31" s="1897"/>
      <c r="C31" s="1898"/>
      <c r="D31" s="1899"/>
      <c r="E31" s="1900"/>
      <c r="F31" s="1900"/>
      <c r="G31" s="1901"/>
      <c r="H31" s="1902"/>
      <c r="I31" s="1900"/>
      <c r="J31" s="1900"/>
      <c r="K31" s="1903"/>
      <c r="L31" s="1904"/>
      <c r="M31" s="1905"/>
      <c r="N31" s="1905"/>
    </row>
    <row r="32" spans="1:14" ht="15" customHeight="1" x14ac:dyDescent="0.25">
      <c r="A32" s="323" t="s">
        <v>82</v>
      </c>
      <c r="B32" s="1906">
        <v>13.4</v>
      </c>
      <c r="C32" s="1907">
        <v>13.6</v>
      </c>
      <c r="D32" s="1908">
        <v>13.2</v>
      </c>
      <c r="E32" s="1909">
        <v>13.1</v>
      </c>
      <c r="F32" s="1909">
        <v>13.3</v>
      </c>
      <c r="G32" s="1910">
        <v>12.4</v>
      </c>
      <c r="H32" s="1908">
        <v>12.2</v>
      </c>
      <c r="I32" s="1909">
        <v>11.3</v>
      </c>
      <c r="J32" s="1909">
        <v>10.1</v>
      </c>
      <c r="K32" s="1903">
        <v>13.5</v>
      </c>
      <c r="L32" s="1904">
        <v>12.9</v>
      </c>
      <c r="M32" s="1905">
        <v>13</v>
      </c>
      <c r="N32" s="1905">
        <v>10.6</v>
      </c>
    </row>
    <row r="33" spans="1:14" ht="15" customHeight="1" x14ac:dyDescent="0.25">
      <c r="A33" s="324" t="s">
        <v>81</v>
      </c>
      <c r="B33" s="325">
        <v>53.3</v>
      </c>
      <c r="C33" s="326">
        <v>52.8</v>
      </c>
      <c r="D33" s="1908">
        <v>54.11</v>
      </c>
      <c r="E33" s="1909">
        <v>53.2</v>
      </c>
      <c r="F33" s="1909">
        <v>52.2</v>
      </c>
      <c r="G33" s="1910">
        <v>53.2</v>
      </c>
      <c r="H33" s="1908">
        <v>53.9</v>
      </c>
      <c r="I33" s="1909">
        <v>54.6</v>
      </c>
      <c r="J33" s="1909">
        <v>53.9</v>
      </c>
      <c r="K33" s="327">
        <v>53.1</v>
      </c>
      <c r="L33" s="328">
        <v>52.7</v>
      </c>
      <c r="M33" s="329">
        <v>53.2</v>
      </c>
      <c r="N33" s="329">
        <v>54.2</v>
      </c>
    </row>
    <row r="34" spans="1:14" ht="15" customHeight="1" x14ac:dyDescent="0.25">
      <c r="A34" s="294" t="s">
        <v>774</v>
      </c>
      <c r="B34" s="1911"/>
      <c r="C34" s="1912"/>
      <c r="D34" s="1913"/>
      <c r="E34" s="1914"/>
      <c r="F34" s="1914"/>
      <c r="G34" s="1915"/>
      <c r="H34" s="1916"/>
      <c r="I34" s="1914"/>
      <c r="J34" s="1914"/>
      <c r="K34" s="1917"/>
      <c r="L34" s="1918"/>
      <c r="M34" s="1919"/>
      <c r="N34" s="1919"/>
    </row>
    <row r="35" spans="1:14" ht="15" customHeight="1" x14ac:dyDescent="0.25">
      <c r="A35" s="330" t="s">
        <v>79</v>
      </c>
      <c r="B35" s="331">
        <v>51.4</v>
      </c>
      <c r="C35" s="332">
        <v>47.8</v>
      </c>
      <c r="D35" s="333">
        <v>44.3</v>
      </c>
      <c r="E35" s="334">
        <v>42.3</v>
      </c>
      <c r="F35" s="334">
        <v>42</v>
      </c>
      <c r="G35" s="335">
        <v>39.700000000000003</v>
      </c>
      <c r="H35" s="333">
        <v>38.6</v>
      </c>
      <c r="I35" s="334">
        <v>38.299999999999997</v>
      </c>
      <c r="J35" s="334">
        <v>38.799999999999997</v>
      </c>
      <c r="K35" s="1920">
        <v>49.6</v>
      </c>
      <c r="L35" s="336">
        <v>40.799999999999997</v>
      </c>
      <c r="M35" s="337">
        <v>42.1</v>
      </c>
      <c r="N35" s="337">
        <v>38.6</v>
      </c>
    </row>
    <row r="36" spans="1:14" ht="15" customHeight="1" x14ac:dyDescent="0.25">
      <c r="A36" s="338" t="s">
        <v>233</v>
      </c>
      <c r="B36" s="1906">
        <v>20.399999999999999</v>
      </c>
      <c r="C36" s="339">
        <v>19.5</v>
      </c>
      <c r="D36" s="1908">
        <v>18.7</v>
      </c>
      <c r="E36" s="1909">
        <v>18.399999999999999</v>
      </c>
      <c r="F36" s="1909">
        <v>18.2</v>
      </c>
      <c r="G36" s="1910">
        <v>17.7</v>
      </c>
      <c r="H36" s="1908">
        <v>17.899999999999999</v>
      </c>
      <c r="I36" s="1909">
        <v>18.2</v>
      </c>
      <c r="J36" s="1909">
        <v>18.899999999999999</v>
      </c>
      <c r="K36" s="1903">
        <v>19.899999999999999</v>
      </c>
      <c r="L36" s="1904">
        <v>18</v>
      </c>
      <c r="M36" s="1905">
        <v>18.3</v>
      </c>
      <c r="N36" s="1905">
        <v>18.600000000000001</v>
      </c>
    </row>
    <row r="37" spans="1:14" ht="15" customHeight="1" x14ac:dyDescent="0.25">
      <c r="A37" s="338" t="s">
        <v>788</v>
      </c>
      <c r="B37" s="1906">
        <v>8.6999999999999993</v>
      </c>
      <c r="C37" s="1907">
        <v>8.1999999999999993</v>
      </c>
      <c r="D37" s="1908">
        <v>7.6</v>
      </c>
      <c r="E37" s="1909">
        <v>7.4</v>
      </c>
      <c r="F37" s="1909">
        <v>7.3</v>
      </c>
      <c r="G37" s="1910">
        <v>6.7</v>
      </c>
      <c r="H37" s="1908">
        <v>6.3</v>
      </c>
      <c r="I37" s="1909">
        <v>6.5</v>
      </c>
      <c r="J37" s="1909">
        <v>7.7</v>
      </c>
      <c r="K37" s="1903">
        <v>8.4</v>
      </c>
      <c r="L37" s="1904">
        <v>7</v>
      </c>
      <c r="M37" s="1905">
        <v>7.2</v>
      </c>
      <c r="N37" s="1905">
        <v>7.3</v>
      </c>
    </row>
    <row r="38" spans="1:14" ht="15" customHeight="1" x14ac:dyDescent="0.25">
      <c r="A38" s="338" t="s">
        <v>575</v>
      </c>
      <c r="B38" s="1906">
        <v>96.699999999999989</v>
      </c>
      <c r="C38" s="1907">
        <v>95.1</v>
      </c>
      <c r="D38" s="1908">
        <v>90.1</v>
      </c>
      <c r="E38" s="1909">
        <v>86.6</v>
      </c>
      <c r="F38" s="1909">
        <v>83.1</v>
      </c>
      <c r="G38" s="1910">
        <v>79.3</v>
      </c>
      <c r="H38" s="1908">
        <v>78.099999999999994</v>
      </c>
      <c r="I38" s="1909">
        <v>74.900000000000006</v>
      </c>
      <c r="J38" s="1909">
        <v>76.400000000000006</v>
      </c>
      <c r="K38" s="1903">
        <v>95.9</v>
      </c>
      <c r="L38" s="1904">
        <v>81.3</v>
      </c>
      <c r="M38" s="1905">
        <v>84.8</v>
      </c>
      <c r="N38" s="1905">
        <v>76.7</v>
      </c>
    </row>
    <row r="39" spans="1:14" ht="15" customHeight="1" x14ac:dyDescent="0.25">
      <c r="A39" s="338" t="s">
        <v>576</v>
      </c>
      <c r="B39" s="1906">
        <v>177.2</v>
      </c>
      <c r="C39" s="1907">
        <v>170.6</v>
      </c>
      <c r="D39" s="1908">
        <v>160.69999999999999</v>
      </c>
      <c r="E39" s="1909">
        <v>154.69999999999999</v>
      </c>
      <c r="F39" s="1909">
        <v>150.6</v>
      </c>
      <c r="G39" s="1910">
        <v>143.4</v>
      </c>
      <c r="H39" s="1908">
        <v>140.9</v>
      </c>
      <c r="I39" s="1909">
        <v>137.9</v>
      </c>
      <c r="J39" s="1909">
        <v>141.80000000000001</v>
      </c>
      <c r="K39" s="1920">
        <v>173.8</v>
      </c>
      <c r="L39" s="1921">
        <v>147.1</v>
      </c>
      <c r="M39" s="1909">
        <v>152.4</v>
      </c>
      <c r="N39" s="1909">
        <v>141.19999999999999</v>
      </c>
    </row>
    <row r="40" spans="1:14" ht="15" customHeight="1" x14ac:dyDescent="0.25">
      <c r="A40" s="338" t="s">
        <v>232</v>
      </c>
      <c r="B40" s="1906">
        <v>20.3</v>
      </c>
      <c r="C40" s="1907">
        <v>18.2</v>
      </c>
      <c r="D40" s="1908">
        <v>17.5</v>
      </c>
      <c r="E40" s="1909">
        <v>16.600000000000001</v>
      </c>
      <c r="F40" s="1909">
        <v>16.100000000000001</v>
      </c>
      <c r="G40" s="1910">
        <v>15.5</v>
      </c>
      <c r="H40" s="1908">
        <v>15.8</v>
      </c>
      <c r="I40" s="1909">
        <v>16.5</v>
      </c>
      <c r="J40" s="1909">
        <v>17.100000000000001</v>
      </c>
      <c r="K40" s="1920">
        <v>19.2</v>
      </c>
      <c r="L40" s="1921">
        <v>15.8</v>
      </c>
      <c r="M40" s="1909">
        <v>16.399999999999999</v>
      </c>
      <c r="N40" s="1909">
        <v>16.5</v>
      </c>
    </row>
    <row r="41" spans="1:14" ht="15" customHeight="1" x14ac:dyDescent="0.25">
      <c r="A41" s="338" t="s">
        <v>587</v>
      </c>
      <c r="B41" s="1906">
        <v>15.9</v>
      </c>
      <c r="C41" s="1907">
        <v>15.8</v>
      </c>
      <c r="D41" s="1908">
        <v>15</v>
      </c>
      <c r="E41" s="1909">
        <v>15.4</v>
      </c>
      <c r="F41" s="1909">
        <v>16.100000000000001</v>
      </c>
      <c r="G41" s="1910">
        <v>16.8</v>
      </c>
      <c r="H41" s="1908">
        <v>14.9</v>
      </c>
      <c r="I41" s="1909">
        <v>15.9</v>
      </c>
      <c r="J41" s="1909">
        <v>15.7</v>
      </c>
      <c r="K41" s="1920">
        <v>15.9</v>
      </c>
      <c r="L41" s="1921">
        <v>16.5</v>
      </c>
      <c r="M41" s="1909">
        <v>15.8</v>
      </c>
      <c r="N41" s="1909">
        <v>16</v>
      </c>
    </row>
    <row r="42" spans="1:14" ht="15" customHeight="1" x14ac:dyDescent="0.25">
      <c r="A42" s="338" t="s">
        <v>577</v>
      </c>
      <c r="B42" s="1906">
        <v>25.299999999999983</v>
      </c>
      <c r="C42" s="1907">
        <v>23.8</v>
      </c>
      <c r="D42" s="1908">
        <v>23.9</v>
      </c>
      <c r="E42" s="1909">
        <v>22.4</v>
      </c>
      <c r="F42" s="1909">
        <v>21.100000000000023</v>
      </c>
      <c r="G42" s="1910">
        <v>20.399999999999999</v>
      </c>
      <c r="H42" s="1908">
        <v>20.6</v>
      </c>
      <c r="I42" s="1909">
        <v>20.399999999999999</v>
      </c>
      <c r="J42" s="1909">
        <v>19.600000000000001</v>
      </c>
      <c r="K42" s="1920">
        <v>24.599999999999994</v>
      </c>
      <c r="L42" s="1921">
        <v>20.5</v>
      </c>
      <c r="M42" s="1909">
        <v>21.9</v>
      </c>
      <c r="N42" s="1909">
        <v>20.399999999999999</v>
      </c>
    </row>
    <row r="43" spans="1:14" ht="15" customHeight="1" x14ac:dyDescent="0.25">
      <c r="A43" s="340" t="s">
        <v>578</v>
      </c>
      <c r="B43" s="1906">
        <v>238.7</v>
      </c>
      <c r="C43" s="1907">
        <v>228.4</v>
      </c>
      <c r="D43" s="1908">
        <v>217.1</v>
      </c>
      <c r="E43" s="1909">
        <v>209.1</v>
      </c>
      <c r="F43" s="1909">
        <v>203.9</v>
      </c>
      <c r="G43" s="1910">
        <v>196.1</v>
      </c>
      <c r="H43" s="1908">
        <v>192.2</v>
      </c>
      <c r="I43" s="1909">
        <v>190.7</v>
      </c>
      <c r="J43" s="1909">
        <v>194.2</v>
      </c>
      <c r="K43" s="1920">
        <v>233.5</v>
      </c>
      <c r="L43" s="1921">
        <v>199.9</v>
      </c>
      <c r="M43" s="1909">
        <v>206.5</v>
      </c>
      <c r="N43" s="1909">
        <v>194.1</v>
      </c>
    </row>
    <row r="44" spans="1:14" ht="15" customHeight="1" x14ac:dyDescent="0.25">
      <c r="A44" s="338" t="s">
        <v>579</v>
      </c>
      <c r="B44" s="1906">
        <v>40.9</v>
      </c>
      <c r="C44" s="1907">
        <v>39.5</v>
      </c>
      <c r="D44" s="1908">
        <v>37.799999999999997</v>
      </c>
      <c r="E44" s="1909">
        <v>36.700000000000003</v>
      </c>
      <c r="F44" s="1909">
        <v>36.4</v>
      </c>
      <c r="G44" s="1910">
        <v>35.5</v>
      </c>
      <c r="H44" s="1908">
        <v>36.200000000000003</v>
      </c>
      <c r="I44" s="1909">
        <v>35.700000000000003</v>
      </c>
      <c r="J44" s="1909">
        <v>36.299999999999997</v>
      </c>
      <c r="K44" s="1920">
        <v>40.200000000000003</v>
      </c>
      <c r="L44" s="1921">
        <v>36</v>
      </c>
      <c r="M44" s="1909">
        <v>36.6</v>
      </c>
      <c r="N44" s="1909">
        <v>36.299999999999997</v>
      </c>
    </row>
    <row r="45" spans="1:14" ht="15" customHeight="1" x14ac:dyDescent="0.25">
      <c r="A45" s="338" t="s">
        <v>580</v>
      </c>
      <c r="B45" s="1906">
        <v>85</v>
      </c>
      <c r="C45" s="1907">
        <v>79.5</v>
      </c>
      <c r="D45" s="1908">
        <v>74.900000000000006</v>
      </c>
      <c r="E45" s="1909">
        <v>72</v>
      </c>
      <c r="F45" s="1909">
        <v>69.8</v>
      </c>
      <c r="G45" s="1910">
        <v>65.7</v>
      </c>
      <c r="H45" s="341">
        <v>65.900000000000006</v>
      </c>
      <c r="I45" s="1909">
        <v>67.2</v>
      </c>
      <c r="J45" s="1909">
        <v>66.7</v>
      </c>
      <c r="K45" s="1903">
        <v>82.2</v>
      </c>
      <c r="L45" s="1904">
        <v>67.7</v>
      </c>
      <c r="M45" s="1905">
        <v>70.599999999999994</v>
      </c>
      <c r="N45" s="1905">
        <v>67.2</v>
      </c>
    </row>
    <row r="46" spans="1:14" ht="15" customHeight="1" x14ac:dyDescent="0.25">
      <c r="A46" s="342" t="s">
        <v>581</v>
      </c>
      <c r="B46" s="343">
        <v>125.9</v>
      </c>
      <c r="C46" s="344">
        <v>119</v>
      </c>
      <c r="D46" s="345">
        <v>112.7</v>
      </c>
      <c r="E46" s="346">
        <v>108.7</v>
      </c>
      <c r="F46" s="346">
        <v>106.2</v>
      </c>
      <c r="G46" s="347">
        <v>101.2</v>
      </c>
      <c r="H46" s="345">
        <v>102.1</v>
      </c>
      <c r="I46" s="346">
        <v>103</v>
      </c>
      <c r="J46" s="346">
        <v>103</v>
      </c>
      <c r="K46" s="348">
        <v>122.4</v>
      </c>
      <c r="L46" s="349">
        <v>103.7</v>
      </c>
      <c r="M46" s="350">
        <v>107.2</v>
      </c>
      <c r="N46" s="350">
        <v>103.5</v>
      </c>
    </row>
    <row r="47" spans="1:14" ht="15" customHeight="1" x14ac:dyDescent="0.25">
      <c r="A47" s="351" t="s">
        <v>582</v>
      </c>
      <c r="B47" s="1922">
        <v>54.699999999999989</v>
      </c>
      <c r="C47" s="1923">
        <v>49.7</v>
      </c>
      <c r="D47" s="1924">
        <v>47.6</v>
      </c>
      <c r="E47" s="1925">
        <v>46.5</v>
      </c>
      <c r="F47" s="1925">
        <v>42.7</v>
      </c>
      <c r="G47" s="1926">
        <v>42.8</v>
      </c>
      <c r="H47" s="1924">
        <v>43.6</v>
      </c>
      <c r="I47" s="1925">
        <v>43.3</v>
      </c>
      <c r="J47" s="1925">
        <v>45.9</v>
      </c>
      <c r="K47" s="1927">
        <v>52.099999999999994</v>
      </c>
      <c r="L47" s="1928">
        <v>42.7</v>
      </c>
      <c r="M47" s="1929">
        <v>44.9</v>
      </c>
      <c r="N47" s="1929">
        <v>45</v>
      </c>
    </row>
    <row r="48" spans="1:14" ht="15" customHeight="1" x14ac:dyDescent="0.25">
      <c r="A48" s="293" t="s">
        <v>583</v>
      </c>
      <c r="B48" s="1881">
        <v>180.6</v>
      </c>
      <c r="C48" s="352">
        <v>168.7</v>
      </c>
      <c r="D48" s="1883">
        <v>160.30000000000001</v>
      </c>
      <c r="E48" s="1884">
        <v>155.19999999999999</v>
      </c>
      <c r="F48" s="1884">
        <v>148.9</v>
      </c>
      <c r="G48" s="1885">
        <v>144</v>
      </c>
      <c r="H48" s="1883">
        <v>145.69999999999999</v>
      </c>
      <c r="I48" s="1884">
        <v>146.30000000000001</v>
      </c>
      <c r="J48" s="1884">
        <v>148.9</v>
      </c>
      <c r="K48" s="1886">
        <v>174.5</v>
      </c>
      <c r="L48" s="1887">
        <v>146.4</v>
      </c>
      <c r="M48" s="1888">
        <v>152.1</v>
      </c>
      <c r="N48" s="1888">
        <v>148.5</v>
      </c>
    </row>
    <row r="49" spans="1:14" ht="15" customHeight="1" x14ac:dyDescent="0.25">
      <c r="A49" s="353" t="s">
        <v>776</v>
      </c>
      <c r="B49" s="1930"/>
      <c r="C49" s="1931"/>
      <c r="D49" s="1932"/>
      <c r="E49" s="1933"/>
      <c r="F49" s="1933"/>
      <c r="G49" s="1934"/>
      <c r="H49" s="1935"/>
      <c r="I49" s="1933"/>
      <c r="J49" s="1933"/>
      <c r="K49" s="1936"/>
      <c r="L49" s="1937"/>
      <c r="M49" s="1938"/>
      <c r="N49" s="1938"/>
    </row>
    <row r="50" spans="1:14" ht="15" customHeight="1" x14ac:dyDescent="0.25">
      <c r="A50" s="291" t="s">
        <v>628</v>
      </c>
      <c r="B50" s="1939">
        <v>41274</v>
      </c>
      <c r="C50" s="354">
        <v>41481</v>
      </c>
      <c r="D50" s="1856">
        <v>41660</v>
      </c>
      <c r="E50" s="1857">
        <v>42143</v>
      </c>
      <c r="F50" s="1857">
        <v>42574</v>
      </c>
      <c r="G50" s="1858">
        <v>42580</v>
      </c>
      <c r="H50" s="1856">
        <v>43372</v>
      </c>
      <c r="I50" s="1857">
        <v>45426</v>
      </c>
      <c r="J50" s="1857">
        <v>45507</v>
      </c>
      <c r="K50" s="1940"/>
      <c r="L50" s="1941"/>
      <c r="M50" s="1942"/>
      <c r="N50" s="1942"/>
    </row>
    <row r="51" spans="1:14" ht="15" customHeight="1" x14ac:dyDescent="0.25">
      <c r="A51" s="304" t="s">
        <v>584</v>
      </c>
      <c r="B51" s="355">
        <v>1161</v>
      </c>
      <c r="C51" s="356">
        <v>1175</v>
      </c>
      <c r="D51" s="357">
        <v>1203</v>
      </c>
      <c r="E51" s="358">
        <v>1205</v>
      </c>
      <c r="F51" s="358">
        <v>1214</v>
      </c>
      <c r="G51" s="359">
        <v>1227</v>
      </c>
      <c r="H51" s="357">
        <v>1318</v>
      </c>
      <c r="I51" s="358">
        <v>1352</v>
      </c>
      <c r="J51" s="358">
        <v>1362</v>
      </c>
      <c r="K51" s="1943"/>
      <c r="L51" s="1944"/>
      <c r="M51" s="360"/>
      <c r="N51" s="360"/>
    </row>
    <row r="52" spans="1:14" ht="15" customHeight="1" x14ac:dyDescent="0.25">
      <c r="A52" s="291" t="s">
        <v>99</v>
      </c>
      <c r="B52" s="1939">
        <v>4845</v>
      </c>
      <c r="C52" s="356">
        <v>4843</v>
      </c>
      <c r="D52" s="1856">
        <v>4885</v>
      </c>
      <c r="E52" s="1857">
        <v>4885</v>
      </c>
      <c r="F52" s="1857">
        <v>4759</v>
      </c>
      <c r="G52" s="1858">
        <v>4759</v>
      </c>
      <c r="H52" s="1856">
        <v>4844</v>
      </c>
      <c r="I52" s="1857">
        <v>5057</v>
      </c>
      <c r="J52" s="1857">
        <v>5139</v>
      </c>
      <c r="K52" s="1945"/>
      <c r="L52" s="1946"/>
      <c r="M52" s="360"/>
      <c r="N52" s="360"/>
    </row>
    <row r="53" spans="1:14" ht="15" customHeight="1" x14ac:dyDescent="0.25">
      <c r="A53" s="361" t="s">
        <v>208</v>
      </c>
      <c r="B53" s="1947">
        <v>11</v>
      </c>
      <c r="C53" s="362">
        <v>10</v>
      </c>
      <c r="D53" s="1948">
        <v>9</v>
      </c>
      <c r="E53" s="1949">
        <v>10</v>
      </c>
      <c r="F53" s="1949">
        <v>10</v>
      </c>
      <c r="G53" s="1950">
        <v>10</v>
      </c>
      <c r="H53" s="1948">
        <v>10</v>
      </c>
      <c r="I53" s="1949">
        <v>11</v>
      </c>
      <c r="J53" s="1949">
        <v>11</v>
      </c>
      <c r="K53" s="1951">
        <v>21</v>
      </c>
      <c r="L53" s="1952">
        <v>20</v>
      </c>
      <c r="M53" s="1953">
        <v>39</v>
      </c>
      <c r="N53" s="1953">
        <v>45</v>
      </c>
    </row>
    <row r="54" spans="1:14" ht="14.5" customHeight="1" x14ac:dyDescent="0.25">
      <c r="A54" s="363"/>
      <c r="B54" s="364"/>
      <c r="C54" s="364"/>
      <c r="D54" s="365"/>
      <c r="E54" s="365"/>
      <c r="F54" s="365"/>
      <c r="G54" s="365"/>
      <c r="H54" s="365"/>
      <c r="I54" s="365"/>
      <c r="J54" s="365"/>
      <c r="K54" s="365"/>
      <c r="L54" s="365"/>
      <c r="M54" s="365"/>
      <c r="N54" s="365"/>
    </row>
    <row r="55" spans="1:14" ht="12" customHeight="1" x14ac:dyDescent="0.25">
      <c r="A55" s="3169" t="s">
        <v>238</v>
      </c>
      <c r="B55" s="3169" t="s">
        <v>38</v>
      </c>
      <c r="C55" s="3169" t="s">
        <v>38</v>
      </c>
      <c r="D55" s="3169" t="s">
        <v>38</v>
      </c>
      <c r="E55" s="3169" t="s">
        <v>38</v>
      </c>
      <c r="F55" s="3169" t="s">
        <v>38</v>
      </c>
      <c r="G55" s="3169" t="s">
        <v>38</v>
      </c>
      <c r="H55" s="3169" t="s">
        <v>38</v>
      </c>
      <c r="I55" s="3169" t="s">
        <v>38</v>
      </c>
      <c r="J55" s="3169" t="s">
        <v>38</v>
      </c>
      <c r="K55" s="3169" t="s">
        <v>38</v>
      </c>
      <c r="L55" s="3169" t="s">
        <v>38</v>
      </c>
      <c r="M55" s="3169" t="s">
        <v>38</v>
      </c>
      <c r="N55" s="3169" t="s">
        <v>38</v>
      </c>
    </row>
    <row r="56" spans="1:14" ht="12" customHeight="1" x14ac:dyDescent="0.25">
      <c r="A56" s="3169" t="s">
        <v>777</v>
      </c>
      <c r="B56" s="3169" t="s">
        <v>38</v>
      </c>
      <c r="C56" s="3169" t="s">
        <v>38</v>
      </c>
      <c r="D56" s="3169" t="s">
        <v>38</v>
      </c>
      <c r="E56" s="3169" t="s">
        <v>38</v>
      </c>
      <c r="F56" s="3169" t="s">
        <v>38</v>
      </c>
      <c r="G56" s="3169" t="s">
        <v>38</v>
      </c>
      <c r="H56" s="3169" t="s">
        <v>38</v>
      </c>
      <c r="I56" s="3169" t="s">
        <v>38</v>
      </c>
      <c r="J56" s="3169" t="s">
        <v>38</v>
      </c>
      <c r="K56" s="3169" t="s">
        <v>38</v>
      </c>
      <c r="L56" s="3169" t="s">
        <v>38</v>
      </c>
      <c r="M56" s="3169" t="s">
        <v>38</v>
      </c>
      <c r="N56" s="3169" t="s">
        <v>38</v>
      </c>
    </row>
    <row r="57" spans="1:14" ht="12" customHeight="1" x14ac:dyDescent="0.25">
      <c r="A57" s="3169" t="s">
        <v>778</v>
      </c>
      <c r="B57" s="3169" t="s">
        <v>38</v>
      </c>
      <c r="C57" s="3169" t="s">
        <v>38</v>
      </c>
      <c r="D57" s="3169" t="s">
        <v>38</v>
      </c>
      <c r="E57" s="3169" t="s">
        <v>38</v>
      </c>
      <c r="F57" s="3169" t="s">
        <v>38</v>
      </c>
      <c r="G57" s="3169" t="s">
        <v>38</v>
      </c>
      <c r="H57" s="3169" t="s">
        <v>38</v>
      </c>
      <c r="I57" s="3169" t="s">
        <v>38</v>
      </c>
      <c r="J57" s="3169" t="s">
        <v>38</v>
      </c>
      <c r="K57" s="3169" t="s">
        <v>38</v>
      </c>
      <c r="L57" s="3169" t="s">
        <v>38</v>
      </c>
      <c r="M57" s="3169" t="s">
        <v>38</v>
      </c>
      <c r="N57" s="3169" t="s">
        <v>38</v>
      </c>
    </row>
    <row r="58" spans="1:14" ht="12" customHeight="1" x14ac:dyDescent="0.25">
      <c r="A58" s="3169" t="s">
        <v>588</v>
      </c>
      <c r="B58" s="3169" t="s">
        <v>38</v>
      </c>
      <c r="C58" s="3169" t="s">
        <v>38</v>
      </c>
      <c r="D58" s="3169" t="s">
        <v>38</v>
      </c>
      <c r="E58" s="3169" t="s">
        <v>38</v>
      </c>
      <c r="F58" s="3169" t="s">
        <v>38</v>
      </c>
      <c r="G58" s="3169" t="s">
        <v>38</v>
      </c>
      <c r="H58" s="3169" t="s">
        <v>38</v>
      </c>
      <c r="I58" s="3169" t="s">
        <v>38</v>
      </c>
      <c r="J58" s="3169" t="s">
        <v>38</v>
      </c>
      <c r="K58" s="3169" t="s">
        <v>38</v>
      </c>
      <c r="L58" s="3169" t="s">
        <v>38</v>
      </c>
      <c r="M58" s="3169" t="s">
        <v>38</v>
      </c>
      <c r="N58" s="3169" t="s">
        <v>38</v>
      </c>
    </row>
    <row r="59" spans="1:14" ht="10.4" customHeight="1" x14ac:dyDescent="0.25">
      <c r="A59" s="3170"/>
      <c r="B59" s="3170" t="s">
        <v>38</v>
      </c>
      <c r="C59" s="3170" t="s">
        <v>38</v>
      </c>
      <c r="D59" s="3170" t="s">
        <v>38</v>
      </c>
      <c r="E59" s="3170" t="s">
        <v>38</v>
      </c>
      <c r="F59" s="3170" t="s">
        <v>38</v>
      </c>
      <c r="G59" s="3170" t="s">
        <v>38</v>
      </c>
      <c r="H59" s="3170" t="s">
        <v>38</v>
      </c>
      <c r="I59" s="3170" t="s">
        <v>38</v>
      </c>
      <c r="J59" s="3170" t="s">
        <v>38</v>
      </c>
      <c r="K59" s="3170" t="s">
        <v>38</v>
      </c>
      <c r="L59" s="3170" t="s">
        <v>38</v>
      </c>
      <c r="M59" s="3170" t="s">
        <v>38</v>
      </c>
      <c r="N59" s="3170" t="s">
        <v>38</v>
      </c>
    </row>
  </sheetData>
  <mergeCells count="11">
    <mergeCell ref="A2:N2"/>
    <mergeCell ref="B3:C3"/>
    <mergeCell ref="D3:G3"/>
    <mergeCell ref="H3:J3"/>
    <mergeCell ref="K3:L3"/>
    <mergeCell ref="M3:N3"/>
    <mergeCell ref="A55:N55"/>
    <mergeCell ref="A56:N56"/>
    <mergeCell ref="A57:N57"/>
    <mergeCell ref="A58:N58"/>
    <mergeCell ref="A59:N59"/>
  </mergeCells>
  <hyperlinks>
    <hyperlink ref="A1" location="TDM!A1" display="Retour à la table des matières" xr:uid="{00000000-0004-0000-0A00-000000000000}"/>
  </hyperlinks>
  <printOptions horizontalCentered="1"/>
  <pageMargins left="0.51181102362204722" right="0.51181102362204722" top="0.51181102362204722" bottom="0.51181102362204722" header="0.23622047244094491" footer="0.23622047244094491"/>
  <pageSetup scale="47" orientation="landscape" horizontalDpi="72" verticalDpi="72" r:id="rId1"/>
  <headerFooter>
    <oddFooter>&amp;L&amp;G&amp;C&amp;"Scotia,Regular"&amp;9Informations financières supplémentaires (IFS)&amp;R&amp;"Scotia,Regular"&amp;9&amp;A</oddFooter>
  </headerFooter>
  <legacyDrawingHF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8747C1-9AA9-4786-9261-F7536CFBAF2C}">
  <sheetPr>
    <pageSetUpPr fitToPage="1"/>
  </sheetPr>
  <dimension ref="A1:N60"/>
  <sheetViews>
    <sheetView showGridLines="0" zoomScaleNormal="100" workbookViewId="0"/>
  </sheetViews>
  <sheetFormatPr defaultColWidth="8.7265625" defaultRowHeight="12.5" x14ac:dyDescent="0.25"/>
  <cols>
    <col min="1" max="1" width="110.1796875" style="25" customWidth="1"/>
    <col min="2" max="2" width="11.26953125" style="25" customWidth="1"/>
    <col min="3" max="14" width="12.54296875" style="25" customWidth="1"/>
    <col min="15" max="16384" width="8.7265625" style="25"/>
  </cols>
  <sheetData>
    <row r="1" spans="1:14" ht="20.149999999999999" customHeight="1" x14ac:dyDescent="0.25">
      <c r="A1" s="24" t="s">
        <v>37</v>
      </c>
    </row>
    <row r="2" spans="1:14" ht="25" customHeight="1" x14ac:dyDescent="0.25">
      <c r="A2" s="3179" t="s">
        <v>694</v>
      </c>
      <c r="B2" s="3180" t="s">
        <v>38</v>
      </c>
      <c r="C2" s="3180" t="s">
        <v>38</v>
      </c>
      <c r="D2" s="3180" t="s">
        <v>38</v>
      </c>
      <c r="E2" s="3180" t="s">
        <v>38</v>
      </c>
      <c r="F2" s="3180" t="s">
        <v>38</v>
      </c>
      <c r="G2" s="3180" t="s">
        <v>38</v>
      </c>
      <c r="H2" s="3180" t="s">
        <v>38</v>
      </c>
      <c r="I2" s="3180" t="s">
        <v>38</v>
      </c>
      <c r="J2" s="3180" t="s">
        <v>38</v>
      </c>
      <c r="K2" s="3180" t="s">
        <v>38</v>
      </c>
      <c r="L2" s="3180" t="s">
        <v>38</v>
      </c>
      <c r="M2" s="3180" t="s">
        <v>38</v>
      </c>
      <c r="N2" s="3180" t="s">
        <v>38</v>
      </c>
    </row>
    <row r="3" spans="1:14" ht="15" customHeight="1" x14ac:dyDescent="0.25">
      <c r="A3" s="366"/>
      <c r="B3" s="3181" t="s">
        <v>174</v>
      </c>
      <c r="C3" s="3182" t="s">
        <v>38</v>
      </c>
      <c r="D3" s="3183" t="s">
        <v>240</v>
      </c>
      <c r="E3" s="3184" t="s">
        <v>38</v>
      </c>
      <c r="F3" s="3184" t="s">
        <v>38</v>
      </c>
      <c r="G3" s="3185" t="s">
        <v>38</v>
      </c>
      <c r="H3" s="3183" t="s">
        <v>241</v>
      </c>
      <c r="I3" s="3184" t="s">
        <v>38</v>
      </c>
      <c r="J3" s="3184" t="s">
        <v>38</v>
      </c>
      <c r="K3" s="3183" t="s">
        <v>716</v>
      </c>
      <c r="L3" s="3185" t="s">
        <v>38</v>
      </c>
      <c r="M3" s="3184" t="s">
        <v>717</v>
      </c>
      <c r="N3" s="3184" t="s">
        <v>38</v>
      </c>
    </row>
    <row r="4" spans="1:14" ht="15" customHeight="1" x14ac:dyDescent="0.25">
      <c r="A4" s="367"/>
      <c r="B4" s="368" t="s">
        <v>49</v>
      </c>
      <c r="C4" s="369" t="s">
        <v>45</v>
      </c>
      <c r="D4" s="370" t="s">
        <v>569</v>
      </c>
      <c r="E4" s="371" t="s">
        <v>570</v>
      </c>
      <c r="F4" s="371" t="s">
        <v>49</v>
      </c>
      <c r="G4" s="372" t="s">
        <v>45</v>
      </c>
      <c r="H4" s="370" t="s">
        <v>569</v>
      </c>
      <c r="I4" s="371" t="s">
        <v>570</v>
      </c>
      <c r="J4" s="371" t="s">
        <v>49</v>
      </c>
      <c r="K4" s="373">
        <v>2023</v>
      </c>
      <c r="L4" s="374">
        <v>2022</v>
      </c>
      <c r="M4" s="375">
        <v>2022</v>
      </c>
      <c r="N4" s="376">
        <v>2021</v>
      </c>
    </row>
    <row r="5" spans="1:14" ht="15" customHeight="1" x14ac:dyDescent="0.25">
      <c r="A5" s="377" t="s">
        <v>781</v>
      </c>
      <c r="B5" s="378"/>
      <c r="C5" s="379"/>
      <c r="D5" s="380"/>
      <c r="E5" s="381"/>
      <c r="F5" s="381"/>
      <c r="G5" s="382"/>
      <c r="H5" s="380"/>
      <c r="I5" s="381"/>
      <c r="J5" s="381"/>
      <c r="K5" s="383"/>
      <c r="L5" s="384"/>
      <c r="M5" s="385"/>
      <c r="N5" s="385"/>
    </row>
    <row r="6" spans="1:14" ht="15" customHeight="1" x14ac:dyDescent="0.25">
      <c r="A6" s="386" t="s">
        <v>585</v>
      </c>
      <c r="B6" s="1954">
        <v>2007</v>
      </c>
      <c r="C6" s="1955">
        <v>1972</v>
      </c>
      <c r="D6" s="1956">
        <v>1943</v>
      </c>
      <c r="E6" s="1857">
        <v>1928</v>
      </c>
      <c r="F6" s="1857">
        <v>1827</v>
      </c>
      <c r="G6" s="1858">
        <v>1832</v>
      </c>
      <c r="H6" s="1856">
        <v>1748</v>
      </c>
      <c r="I6" s="1857">
        <v>1733</v>
      </c>
      <c r="J6" s="1857">
        <v>1753</v>
      </c>
      <c r="K6" s="1957">
        <v>3906</v>
      </c>
      <c r="L6" s="1958">
        <v>3580</v>
      </c>
      <c r="M6" s="1959">
        <v>7368</v>
      </c>
      <c r="N6" s="1959">
        <v>6929</v>
      </c>
    </row>
    <row r="7" spans="1:14" ht="15" customHeight="1" x14ac:dyDescent="0.25">
      <c r="A7" s="386" t="s">
        <v>212</v>
      </c>
      <c r="B7" s="1954">
        <v>745</v>
      </c>
      <c r="C7" s="1955">
        <v>837</v>
      </c>
      <c r="D7" s="1856">
        <v>712</v>
      </c>
      <c r="E7" s="1857">
        <v>647</v>
      </c>
      <c r="F7" s="1857">
        <v>725</v>
      </c>
      <c r="G7" s="1858">
        <v>749</v>
      </c>
      <c r="H7" s="1856">
        <v>711</v>
      </c>
      <c r="I7" s="1857">
        <v>761</v>
      </c>
      <c r="J7" s="1857">
        <v>682</v>
      </c>
      <c r="K7" s="1957">
        <v>1547</v>
      </c>
      <c r="L7" s="1958">
        <v>1453</v>
      </c>
      <c r="M7" s="1959">
        <v>2899</v>
      </c>
      <c r="N7" s="1959">
        <v>2946</v>
      </c>
    </row>
    <row r="8" spans="1:14" ht="15" customHeight="1" x14ac:dyDescent="0.25">
      <c r="A8" s="387" t="s">
        <v>211</v>
      </c>
      <c r="B8" s="1960">
        <v>582</v>
      </c>
      <c r="C8" s="1961">
        <v>660</v>
      </c>
      <c r="D8" s="1864">
        <v>593</v>
      </c>
      <c r="E8" s="1865">
        <v>581</v>
      </c>
      <c r="F8" s="1865">
        <v>584</v>
      </c>
      <c r="G8" s="1866">
        <v>599</v>
      </c>
      <c r="H8" s="1864">
        <v>556</v>
      </c>
      <c r="I8" s="1865">
        <v>532</v>
      </c>
      <c r="J8" s="1865">
        <v>546</v>
      </c>
      <c r="K8" s="1962">
        <v>1216</v>
      </c>
      <c r="L8" s="1963">
        <v>1160</v>
      </c>
      <c r="M8" s="1964">
        <v>2310</v>
      </c>
      <c r="N8" s="1964">
        <v>2121</v>
      </c>
    </row>
    <row r="9" spans="1:14" ht="15" customHeight="1" x14ac:dyDescent="0.25">
      <c r="A9" s="387" t="s">
        <v>210</v>
      </c>
      <c r="B9" s="1960">
        <v>69</v>
      </c>
      <c r="C9" s="1961">
        <v>64</v>
      </c>
      <c r="D9" s="1864">
        <v>54</v>
      </c>
      <c r="E9" s="1865">
        <v>57</v>
      </c>
      <c r="F9" s="1865">
        <v>80</v>
      </c>
      <c r="G9" s="1866">
        <v>70</v>
      </c>
      <c r="H9" s="1864">
        <v>56</v>
      </c>
      <c r="I9" s="1865">
        <v>57</v>
      </c>
      <c r="J9" s="1865">
        <v>56</v>
      </c>
      <c r="K9" s="1962">
        <v>132</v>
      </c>
      <c r="L9" s="1963">
        <v>149</v>
      </c>
      <c r="M9" s="1964">
        <v>259</v>
      </c>
      <c r="N9" s="1964">
        <v>216</v>
      </c>
    </row>
    <row r="10" spans="1:14" ht="15" customHeight="1" x14ac:dyDescent="0.25">
      <c r="A10" s="387" t="s">
        <v>94</v>
      </c>
      <c r="B10" s="1960">
        <v>94</v>
      </c>
      <c r="C10" s="1961">
        <v>113</v>
      </c>
      <c r="D10" s="1864">
        <v>65</v>
      </c>
      <c r="E10" s="1865">
        <v>9</v>
      </c>
      <c r="F10" s="1865">
        <v>61</v>
      </c>
      <c r="G10" s="1866">
        <v>80</v>
      </c>
      <c r="H10" s="1864">
        <v>99</v>
      </c>
      <c r="I10" s="1865">
        <v>172</v>
      </c>
      <c r="J10" s="1865">
        <v>80</v>
      </c>
      <c r="K10" s="1962">
        <v>199</v>
      </c>
      <c r="L10" s="1963">
        <v>144</v>
      </c>
      <c r="M10" s="1964">
        <v>330</v>
      </c>
      <c r="N10" s="1964">
        <v>609</v>
      </c>
    </row>
    <row r="11" spans="1:14" ht="15" customHeight="1" x14ac:dyDescent="0.25">
      <c r="A11" s="388" t="s">
        <v>75</v>
      </c>
      <c r="B11" s="1954">
        <v>2752</v>
      </c>
      <c r="C11" s="1955">
        <v>2809</v>
      </c>
      <c r="D11" s="1856">
        <v>2655</v>
      </c>
      <c r="E11" s="1857">
        <v>2575</v>
      </c>
      <c r="F11" s="1857">
        <v>2552</v>
      </c>
      <c r="G11" s="1858">
        <v>2581</v>
      </c>
      <c r="H11" s="1856">
        <v>2459</v>
      </c>
      <c r="I11" s="1857">
        <v>2494</v>
      </c>
      <c r="J11" s="1857">
        <v>2435</v>
      </c>
      <c r="K11" s="1957">
        <v>5453</v>
      </c>
      <c r="L11" s="1958">
        <v>5033</v>
      </c>
      <c r="M11" s="1959">
        <v>10267</v>
      </c>
      <c r="N11" s="1959">
        <v>9875</v>
      </c>
    </row>
    <row r="12" spans="1:14" ht="15" customHeight="1" x14ac:dyDescent="0.25">
      <c r="A12" s="386" t="s">
        <v>58</v>
      </c>
      <c r="B12" s="1939">
        <v>436</v>
      </c>
      <c r="C12" s="1858">
        <v>422</v>
      </c>
      <c r="D12" s="1856">
        <v>383</v>
      </c>
      <c r="E12" s="1857">
        <v>348</v>
      </c>
      <c r="F12" s="1857">
        <v>292</v>
      </c>
      <c r="G12" s="1858">
        <v>302</v>
      </c>
      <c r="H12" s="1856">
        <v>349</v>
      </c>
      <c r="I12" s="1857">
        <v>375</v>
      </c>
      <c r="J12" s="1857">
        <v>414</v>
      </c>
      <c r="K12" s="1957">
        <v>840</v>
      </c>
      <c r="L12" s="1958">
        <v>583</v>
      </c>
      <c r="M12" s="1959">
        <v>1299</v>
      </c>
      <c r="N12" s="1959">
        <v>1637</v>
      </c>
    </row>
    <row r="13" spans="1:14" ht="15" customHeight="1" x14ac:dyDescent="0.25">
      <c r="A13" s="386" t="s">
        <v>586</v>
      </c>
      <c r="B13" s="1939">
        <v>1479</v>
      </c>
      <c r="C13" s="1858">
        <v>1487</v>
      </c>
      <c r="D13" s="1856">
        <v>1448</v>
      </c>
      <c r="E13" s="1857">
        <v>1394</v>
      </c>
      <c r="F13" s="1857">
        <v>1352</v>
      </c>
      <c r="G13" s="1858">
        <v>1400</v>
      </c>
      <c r="H13" s="1856">
        <v>1357</v>
      </c>
      <c r="I13" s="1857">
        <v>1398</v>
      </c>
      <c r="J13" s="1857">
        <v>1352</v>
      </c>
      <c r="K13" s="1957">
        <v>2915</v>
      </c>
      <c r="L13" s="1958">
        <v>2702</v>
      </c>
      <c r="M13" s="1959">
        <v>5492</v>
      </c>
      <c r="N13" s="1959">
        <v>5438</v>
      </c>
    </row>
    <row r="14" spans="1:14" ht="15" customHeight="1" x14ac:dyDescent="0.25">
      <c r="A14" s="388" t="s">
        <v>56</v>
      </c>
      <c r="B14" s="1939">
        <v>837</v>
      </c>
      <c r="C14" s="1858">
        <v>900</v>
      </c>
      <c r="D14" s="1856">
        <v>824</v>
      </c>
      <c r="E14" s="1857">
        <v>833</v>
      </c>
      <c r="F14" s="1857">
        <v>908</v>
      </c>
      <c r="G14" s="1858">
        <v>879</v>
      </c>
      <c r="H14" s="1856">
        <v>753</v>
      </c>
      <c r="I14" s="1857">
        <v>721</v>
      </c>
      <c r="J14" s="1857">
        <v>669</v>
      </c>
      <c r="K14" s="1957">
        <v>1698</v>
      </c>
      <c r="L14" s="1958">
        <v>1748</v>
      </c>
      <c r="M14" s="1959">
        <v>3476</v>
      </c>
      <c r="N14" s="1959">
        <v>2800</v>
      </c>
    </row>
    <row r="15" spans="1:14" ht="15" customHeight="1" x14ac:dyDescent="0.25">
      <c r="A15" s="386" t="s">
        <v>74</v>
      </c>
      <c r="B15" s="1939">
        <v>172</v>
      </c>
      <c r="C15" s="1858">
        <v>171</v>
      </c>
      <c r="D15" s="1856">
        <v>107</v>
      </c>
      <c r="E15" s="1857">
        <v>98</v>
      </c>
      <c r="F15" s="1857">
        <v>185</v>
      </c>
      <c r="G15" s="1858">
        <v>210</v>
      </c>
      <c r="H15" s="1856">
        <v>131</v>
      </c>
      <c r="I15" s="1857">
        <v>152</v>
      </c>
      <c r="J15" s="1857">
        <v>173</v>
      </c>
      <c r="K15" s="1957">
        <v>341</v>
      </c>
      <c r="L15" s="1958">
        <v>392</v>
      </c>
      <c r="M15" s="1959">
        <v>626</v>
      </c>
      <c r="N15" s="1959">
        <v>624</v>
      </c>
    </row>
    <row r="16" spans="1:14" ht="15" customHeight="1" x14ac:dyDescent="0.25">
      <c r="A16" s="388" t="s">
        <v>72</v>
      </c>
      <c r="B16" s="1939">
        <v>665</v>
      </c>
      <c r="C16" s="1858">
        <v>729</v>
      </c>
      <c r="D16" s="1856">
        <v>717</v>
      </c>
      <c r="E16" s="1857">
        <v>735</v>
      </c>
      <c r="F16" s="1857">
        <v>723</v>
      </c>
      <c r="G16" s="1858">
        <v>669</v>
      </c>
      <c r="H16" s="1856">
        <v>622</v>
      </c>
      <c r="I16" s="1857">
        <v>569</v>
      </c>
      <c r="J16" s="1857">
        <v>496</v>
      </c>
      <c r="K16" s="1957">
        <v>1357</v>
      </c>
      <c r="L16" s="1958">
        <v>1356</v>
      </c>
      <c r="M16" s="1959">
        <v>2850</v>
      </c>
      <c r="N16" s="1959">
        <v>2176</v>
      </c>
    </row>
    <row r="17" spans="1:14" ht="15" customHeight="1" x14ac:dyDescent="0.25">
      <c r="A17" s="386" t="s">
        <v>629</v>
      </c>
      <c r="B17" s="1939">
        <v>8</v>
      </c>
      <c r="C17" s="1858">
        <v>8</v>
      </c>
      <c r="D17" s="1856">
        <v>8</v>
      </c>
      <c r="E17" s="1857">
        <v>8</v>
      </c>
      <c r="F17" s="1857">
        <v>8</v>
      </c>
      <c r="G17" s="1858">
        <v>8</v>
      </c>
      <c r="H17" s="1856">
        <v>8</v>
      </c>
      <c r="I17" s="1857">
        <v>9</v>
      </c>
      <c r="J17" s="1857">
        <v>8</v>
      </c>
      <c r="K17" s="1957">
        <v>15</v>
      </c>
      <c r="L17" s="1958">
        <v>16</v>
      </c>
      <c r="M17" s="1959">
        <v>30</v>
      </c>
      <c r="N17" s="1959">
        <v>32</v>
      </c>
    </row>
    <row r="18" spans="1:14" ht="15" customHeight="1" x14ac:dyDescent="0.25">
      <c r="A18" s="388" t="s">
        <v>630</v>
      </c>
      <c r="B18" s="1939">
        <v>673</v>
      </c>
      <c r="C18" s="1858">
        <v>737</v>
      </c>
      <c r="D18" s="1956">
        <v>725</v>
      </c>
      <c r="E18" s="1857">
        <v>743</v>
      </c>
      <c r="F18" s="1857">
        <v>731</v>
      </c>
      <c r="G18" s="1858">
        <v>677</v>
      </c>
      <c r="H18" s="1856">
        <v>630</v>
      </c>
      <c r="I18" s="1857">
        <v>578</v>
      </c>
      <c r="J18" s="1857">
        <v>504</v>
      </c>
      <c r="K18" s="1856">
        <v>1372</v>
      </c>
      <c r="L18" s="1965">
        <v>1372</v>
      </c>
      <c r="M18" s="1857">
        <v>2880</v>
      </c>
      <c r="N18" s="1857">
        <v>2208</v>
      </c>
    </row>
    <row r="19" spans="1:14" ht="15" customHeight="1" x14ac:dyDescent="0.25">
      <c r="A19" s="388" t="s">
        <v>782</v>
      </c>
      <c r="B19" s="1939">
        <v>23</v>
      </c>
      <c r="C19" s="1858">
        <v>40</v>
      </c>
      <c r="D19" s="1856">
        <v>37</v>
      </c>
      <c r="E19" s="1857">
        <v>56</v>
      </c>
      <c r="F19" s="1857">
        <v>81</v>
      </c>
      <c r="G19" s="1858">
        <v>92</v>
      </c>
      <c r="H19" s="1856">
        <v>84</v>
      </c>
      <c r="I19" s="1857">
        <v>80</v>
      </c>
      <c r="J19" s="1857">
        <v>85</v>
      </c>
      <c r="K19" s="1957">
        <v>61</v>
      </c>
      <c r="L19" s="1958">
        <v>167</v>
      </c>
      <c r="M19" s="1959">
        <v>259</v>
      </c>
      <c r="N19" s="1959">
        <v>324</v>
      </c>
    </row>
    <row r="20" spans="1:14" ht="15" customHeight="1" x14ac:dyDescent="0.25">
      <c r="A20" s="388" t="s">
        <v>783</v>
      </c>
      <c r="B20" s="1939">
        <v>642</v>
      </c>
      <c r="C20" s="1858">
        <v>689</v>
      </c>
      <c r="D20" s="1856">
        <v>680</v>
      </c>
      <c r="E20" s="1857">
        <v>679</v>
      </c>
      <c r="F20" s="1857">
        <v>642</v>
      </c>
      <c r="G20" s="1858">
        <v>577</v>
      </c>
      <c r="H20" s="1856">
        <v>538</v>
      </c>
      <c r="I20" s="1857">
        <v>489</v>
      </c>
      <c r="J20" s="1857">
        <v>411</v>
      </c>
      <c r="K20" s="1856">
        <v>1296</v>
      </c>
      <c r="L20" s="1965">
        <v>1189</v>
      </c>
      <c r="M20" s="1857">
        <v>2591</v>
      </c>
      <c r="N20" s="1857">
        <v>1852</v>
      </c>
    </row>
    <row r="21" spans="1:14" ht="15" customHeight="1" x14ac:dyDescent="0.25">
      <c r="A21" s="388" t="s">
        <v>789</v>
      </c>
      <c r="B21" s="1939">
        <v>23</v>
      </c>
      <c r="C21" s="1858">
        <v>40</v>
      </c>
      <c r="D21" s="1856">
        <v>38</v>
      </c>
      <c r="E21" s="1857">
        <v>56</v>
      </c>
      <c r="F21" s="1857">
        <v>81</v>
      </c>
      <c r="G21" s="1858">
        <v>92</v>
      </c>
      <c r="H21" s="1856">
        <v>84</v>
      </c>
      <c r="I21" s="1857">
        <v>81</v>
      </c>
      <c r="J21" s="1857">
        <v>85</v>
      </c>
      <c r="K21" s="1957">
        <v>61</v>
      </c>
      <c r="L21" s="1958">
        <v>168</v>
      </c>
      <c r="M21" s="1959">
        <v>259</v>
      </c>
      <c r="N21" s="1959">
        <v>324</v>
      </c>
    </row>
    <row r="22" spans="1:14" ht="15" customHeight="1" x14ac:dyDescent="0.25">
      <c r="A22" s="388" t="s">
        <v>790</v>
      </c>
      <c r="B22" s="1939">
        <v>650</v>
      </c>
      <c r="C22" s="1858">
        <v>697</v>
      </c>
      <c r="D22" s="1856">
        <v>687</v>
      </c>
      <c r="E22" s="1857">
        <v>687</v>
      </c>
      <c r="F22" s="1857">
        <v>650</v>
      </c>
      <c r="G22" s="1858">
        <v>585</v>
      </c>
      <c r="H22" s="1856">
        <v>546</v>
      </c>
      <c r="I22" s="1857">
        <v>497</v>
      </c>
      <c r="J22" s="1857">
        <v>419</v>
      </c>
      <c r="K22" s="1856">
        <v>1311</v>
      </c>
      <c r="L22" s="1965">
        <v>1204</v>
      </c>
      <c r="M22" s="1857">
        <v>2621</v>
      </c>
      <c r="N22" s="1857">
        <v>1884</v>
      </c>
    </row>
    <row r="23" spans="1:14" ht="15" customHeight="1" x14ac:dyDescent="0.25">
      <c r="A23" s="389" t="s">
        <v>632</v>
      </c>
      <c r="B23" s="1966"/>
      <c r="C23" s="1967"/>
      <c r="D23" s="1877"/>
      <c r="E23" s="1968"/>
      <c r="F23" s="1968"/>
      <c r="G23" s="1969"/>
      <c r="H23" s="1877"/>
      <c r="I23" s="1968"/>
      <c r="J23" s="1968"/>
      <c r="K23" s="1970"/>
      <c r="L23" s="1971"/>
      <c r="M23" s="1972"/>
      <c r="N23" s="1972"/>
    </row>
    <row r="24" spans="1:14" ht="15" customHeight="1" x14ac:dyDescent="0.25">
      <c r="A24" s="390" t="s">
        <v>631</v>
      </c>
      <c r="B24" s="1973">
        <v>4.12</v>
      </c>
      <c r="C24" s="1974">
        <v>4</v>
      </c>
      <c r="D24" s="298">
        <v>4.08</v>
      </c>
      <c r="E24" s="299">
        <v>3.95</v>
      </c>
      <c r="F24" s="299">
        <v>3.96</v>
      </c>
      <c r="G24" s="300">
        <v>3.87</v>
      </c>
      <c r="H24" s="298">
        <v>3.78</v>
      </c>
      <c r="I24" s="299">
        <v>3.81</v>
      </c>
      <c r="J24" s="299">
        <v>4.05</v>
      </c>
      <c r="K24" s="391">
        <v>4.0599999999999996</v>
      </c>
      <c r="L24" s="392">
        <v>3.91</v>
      </c>
      <c r="M24" s="393">
        <v>3.96</v>
      </c>
      <c r="N24" s="393">
        <v>3.95</v>
      </c>
    </row>
    <row r="25" spans="1:14" ht="15" customHeight="1" x14ac:dyDescent="0.25">
      <c r="A25" s="394" t="s">
        <v>633</v>
      </c>
      <c r="B25" s="395">
        <v>0.83</v>
      </c>
      <c r="C25" s="306">
        <v>0.88</v>
      </c>
      <c r="D25" s="307">
        <v>0.76</v>
      </c>
      <c r="E25" s="308">
        <v>0.74</v>
      </c>
      <c r="F25" s="308">
        <v>0.76</v>
      </c>
      <c r="G25" s="309">
        <v>0.88</v>
      </c>
      <c r="H25" s="307">
        <v>1.25</v>
      </c>
      <c r="I25" s="308">
        <v>2.37</v>
      </c>
      <c r="J25" s="308">
        <v>2.72</v>
      </c>
      <c r="K25" s="396">
        <v>0.86</v>
      </c>
      <c r="L25" s="397">
        <v>0.82</v>
      </c>
      <c r="M25" s="398">
        <v>0.79</v>
      </c>
      <c r="N25" s="398">
        <v>1.89</v>
      </c>
    </row>
    <row r="26" spans="1:14" ht="15" customHeight="1" x14ac:dyDescent="0.25">
      <c r="A26" s="399" t="s">
        <v>173</v>
      </c>
      <c r="B26" s="400"/>
      <c r="C26" s="401"/>
      <c r="D26" s="319"/>
      <c r="E26" s="402"/>
      <c r="F26" s="402"/>
      <c r="G26" s="403"/>
      <c r="H26" s="319"/>
      <c r="I26" s="402"/>
      <c r="J26" s="402"/>
      <c r="K26" s="404"/>
      <c r="L26" s="405"/>
      <c r="M26" s="406"/>
      <c r="N26" s="406"/>
    </row>
    <row r="27" spans="1:14" ht="15" customHeight="1" x14ac:dyDescent="0.25">
      <c r="A27" s="407" t="s">
        <v>634</v>
      </c>
      <c r="B27" s="1881">
        <v>13.2</v>
      </c>
      <c r="C27" s="1882">
        <v>13.4</v>
      </c>
      <c r="D27" s="1883">
        <v>13.06</v>
      </c>
      <c r="E27" s="1884">
        <v>13</v>
      </c>
      <c r="F27" s="1884">
        <v>13.2</v>
      </c>
      <c r="G27" s="1885">
        <v>12.2</v>
      </c>
      <c r="H27" s="1883">
        <v>12</v>
      </c>
      <c r="I27" s="1884">
        <v>11.1</v>
      </c>
      <c r="J27" s="1884">
        <v>9.9</v>
      </c>
      <c r="K27" s="1975">
        <v>13.3</v>
      </c>
      <c r="L27" s="1976">
        <v>12.7</v>
      </c>
      <c r="M27" s="1977">
        <v>12.9</v>
      </c>
      <c r="N27" s="1977">
        <v>10.4</v>
      </c>
    </row>
    <row r="28" spans="1:14" ht="31" x14ac:dyDescent="0.25">
      <c r="A28" s="1481" t="s">
        <v>791</v>
      </c>
      <c r="B28" s="1889">
        <v>1.03</v>
      </c>
      <c r="C28" s="1890">
        <v>0.96</v>
      </c>
      <c r="D28" s="1891">
        <v>0.89</v>
      </c>
      <c r="E28" s="1892">
        <v>0.84</v>
      </c>
      <c r="F28" s="1892">
        <v>0.77</v>
      </c>
      <c r="G28" s="1893">
        <v>0.77</v>
      </c>
      <c r="H28" s="1891">
        <v>0.91</v>
      </c>
      <c r="I28" s="1892">
        <v>1</v>
      </c>
      <c r="J28" s="1892">
        <v>1.18</v>
      </c>
      <c r="K28" s="1978">
        <v>0.99</v>
      </c>
      <c r="L28" s="1979">
        <v>0.77</v>
      </c>
      <c r="M28" s="1980">
        <v>0.82</v>
      </c>
      <c r="N28" s="1980">
        <v>1.1499999999999999</v>
      </c>
    </row>
    <row r="29" spans="1:14" ht="15" customHeight="1" x14ac:dyDescent="0.25">
      <c r="A29" s="407" t="s">
        <v>792</v>
      </c>
      <c r="B29" s="1889">
        <v>0.94</v>
      </c>
      <c r="C29" s="1890">
        <v>0.89</v>
      </c>
      <c r="D29" s="1891">
        <v>0.81</v>
      </c>
      <c r="E29" s="1892">
        <v>0.68</v>
      </c>
      <c r="F29" s="1892">
        <v>0.77</v>
      </c>
      <c r="G29" s="1893">
        <v>0.81</v>
      </c>
      <c r="H29" s="1891">
        <v>1.18</v>
      </c>
      <c r="I29" s="1892">
        <v>2.08</v>
      </c>
      <c r="J29" s="1892">
        <v>2.81</v>
      </c>
      <c r="K29" s="1978">
        <v>0.91</v>
      </c>
      <c r="L29" s="1979">
        <v>0.79</v>
      </c>
      <c r="M29" s="1980">
        <v>0.77</v>
      </c>
      <c r="N29" s="1980">
        <v>1.88</v>
      </c>
    </row>
    <row r="30" spans="1:14" ht="15" customHeight="1" x14ac:dyDescent="0.25">
      <c r="A30" s="408" t="s">
        <v>635</v>
      </c>
      <c r="B30" s="1881">
        <v>53.7</v>
      </c>
      <c r="C30" s="1882">
        <v>53.2</v>
      </c>
      <c r="D30" s="1883">
        <v>54.49</v>
      </c>
      <c r="E30" s="1884">
        <v>53.5</v>
      </c>
      <c r="F30" s="1884">
        <v>52.7</v>
      </c>
      <c r="G30" s="1885">
        <v>53.6</v>
      </c>
      <c r="H30" s="1883">
        <v>54.3</v>
      </c>
      <c r="I30" s="1884">
        <v>55</v>
      </c>
      <c r="J30" s="1884">
        <v>54.4</v>
      </c>
      <c r="K30" s="1975">
        <v>53.5</v>
      </c>
      <c r="L30" s="1976">
        <v>53.1</v>
      </c>
      <c r="M30" s="1977">
        <v>53.6</v>
      </c>
      <c r="N30" s="1977">
        <v>54.6</v>
      </c>
    </row>
    <row r="31" spans="1:14" ht="15" customHeight="1" x14ac:dyDescent="0.25">
      <c r="A31" s="399" t="s">
        <v>636</v>
      </c>
      <c r="B31" s="1981"/>
      <c r="C31" s="1982"/>
      <c r="D31" s="1983"/>
      <c r="E31" s="1984"/>
      <c r="F31" s="1984"/>
      <c r="G31" s="1985"/>
      <c r="H31" s="1983"/>
      <c r="I31" s="1984"/>
      <c r="J31" s="1984"/>
      <c r="K31" s="1986"/>
      <c r="L31" s="1987"/>
      <c r="M31" s="1988"/>
      <c r="N31" s="1988"/>
    </row>
    <row r="32" spans="1:14" ht="15" customHeight="1" x14ac:dyDescent="0.25">
      <c r="A32" s="407" t="s">
        <v>82</v>
      </c>
      <c r="B32" s="1881">
        <v>13.4</v>
      </c>
      <c r="C32" s="1882">
        <v>13.6</v>
      </c>
      <c r="D32" s="1883">
        <v>13.2</v>
      </c>
      <c r="E32" s="1884">
        <v>13.1</v>
      </c>
      <c r="F32" s="1884">
        <v>13.3</v>
      </c>
      <c r="G32" s="1885">
        <v>12.4</v>
      </c>
      <c r="H32" s="1883">
        <v>12.2</v>
      </c>
      <c r="I32" s="1884">
        <v>11.3</v>
      </c>
      <c r="J32" s="1884">
        <v>10.1</v>
      </c>
      <c r="K32" s="1975">
        <v>13.5</v>
      </c>
      <c r="L32" s="1976">
        <v>12.9</v>
      </c>
      <c r="M32" s="1977">
        <v>13</v>
      </c>
      <c r="N32" s="1977">
        <v>10.6</v>
      </c>
    </row>
    <row r="33" spans="1:14" ht="15" customHeight="1" x14ac:dyDescent="0.25">
      <c r="A33" s="409" t="s">
        <v>81</v>
      </c>
      <c r="B33" s="410">
        <v>53.3</v>
      </c>
      <c r="C33" s="411">
        <v>52.8</v>
      </c>
      <c r="D33" s="1883">
        <v>54.11</v>
      </c>
      <c r="E33" s="1884">
        <v>53.2</v>
      </c>
      <c r="F33" s="1884">
        <v>52.2</v>
      </c>
      <c r="G33" s="1885">
        <v>53.2</v>
      </c>
      <c r="H33" s="1883">
        <v>53.9</v>
      </c>
      <c r="I33" s="1884">
        <v>54.6</v>
      </c>
      <c r="J33" s="1884">
        <v>53.9</v>
      </c>
      <c r="K33" s="412">
        <v>53.1</v>
      </c>
      <c r="L33" s="413">
        <v>52.7</v>
      </c>
      <c r="M33" s="414">
        <v>53.2</v>
      </c>
      <c r="N33" s="414">
        <v>54.2</v>
      </c>
    </row>
    <row r="34" spans="1:14" ht="15" customHeight="1" x14ac:dyDescent="0.25">
      <c r="A34" s="389" t="s">
        <v>774</v>
      </c>
      <c r="B34" s="1966"/>
      <c r="C34" s="1967"/>
      <c r="D34" s="1877"/>
      <c r="E34" s="1968"/>
      <c r="F34" s="1968"/>
      <c r="G34" s="1969"/>
      <c r="H34" s="1877"/>
      <c r="I34" s="1968"/>
      <c r="J34" s="1968"/>
      <c r="K34" s="1970"/>
      <c r="L34" s="1989"/>
      <c r="M34" s="1972"/>
      <c r="N34" s="1972"/>
    </row>
    <row r="35" spans="1:14" ht="15" customHeight="1" x14ac:dyDescent="0.25">
      <c r="A35" s="390" t="s">
        <v>79</v>
      </c>
      <c r="B35" s="415">
        <v>51.4</v>
      </c>
      <c r="C35" s="416">
        <v>50.5</v>
      </c>
      <c r="D35" s="417">
        <v>49.2</v>
      </c>
      <c r="E35" s="418">
        <v>47.5</v>
      </c>
      <c r="F35" s="418">
        <v>45.9</v>
      </c>
      <c r="G35" s="419">
        <v>44.2</v>
      </c>
      <c r="H35" s="417">
        <v>42.3</v>
      </c>
      <c r="I35" s="418">
        <v>41</v>
      </c>
      <c r="J35" s="418">
        <v>40.200000000000003</v>
      </c>
      <c r="K35" s="1990">
        <v>49.6</v>
      </c>
      <c r="L35" s="420">
        <v>43.7</v>
      </c>
      <c r="M35" s="421">
        <v>45.4</v>
      </c>
      <c r="N35" s="421">
        <v>39.6</v>
      </c>
    </row>
    <row r="36" spans="1:14" ht="15" customHeight="1" x14ac:dyDescent="0.25">
      <c r="A36" s="386" t="s">
        <v>233</v>
      </c>
      <c r="B36" s="422">
        <v>20.399999999999999</v>
      </c>
      <c r="C36" s="352">
        <v>20.3</v>
      </c>
      <c r="D36" s="1883">
        <v>20.2</v>
      </c>
      <c r="E36" s="1884">
        <v>19.900000000000002</v>
      </c>
      <c r="F36" s="1884">
        <v>19.399999999999999</v>
      </c>
      <c r="G36" s="1885">
        <v>19.5</v>
      </c>
      <c r="H36" s="1883">
        <v>19.399999999999999</v>
      </c>
      <c r="I36" s="1884">
        <v>19.5</v>
      </c>
      <c r="J36" s="1884">
        <v>19.5</v>
      </c>
      <c r="K36" s="1975">
        <v>19.899999999999999</v>
      </c>
      <c r="L36" s="1976">
        <v>19</v>
      </c>
      <c r="M36" s="1977">
        <v>19.3</v>
      </c>
      <c r="N36" s="1977">
        <v>19.100000000000001</v>
      </c>
    </row>
    <row r="37" spans="1:14" ht="15" customHeight="1" x14ac:dyDescent="0.25">
      <c r="A37" s="386" t="s">
        <v>788</v>
      </c>
      <c r="B37" s="1881">
        <v>8.6999999999999993</v>
      </c>
      <c r="C37" s="1882">
        <v>8.6</v>
      </c>
      <c r="D37" s="1883">
        <v>8.1999999999999993</v>
      </c>
      <c r="E37" s="1884">
        <v>8</v>
      </c>
      <c r="F37" s="1884">
        <v>7.6</v>
      </c>
      <c r="G37" s="1885">
        <v>7.1</v>
      </c>
      <c r="H37" s="1883">
        <v>6.7</v>
      </c>
      <c r="I37" s="1884">
        <v>6.7</v>
      </c>
      <c r="J37" s="1884">
        <v>7.6</v>
      </c>
      <c r="K37" s="1975">
        <v>8.4</v>
      </c>
      <c r="L37" s="1976">
        <v>7.2</v>
      </c>
      <c r="M37" s="1977">
        <v>7.5</v>
      </c>
      <c r="N37" s="1977">
        <v>7.2</v>
      </c>
    </row>
    <row r="38" spans="1:14" ht="15" customHeight="1" x14ac:dyDescent="0.25">
      <c r="A38" s="386" t="s">
        <v>575</v>
      </c>
      <c r="B38" s="1881">
        <v>96.699999999999989</v>
      </c>
      <c r="C38" s="1882">
        <v>97.6</v>
      </c>
      <c r="D38" s="1883">
        <v>94.8</v>
      </c>
      <c r="E38" s="1884">
        <v>93.4</v>
      </c>
      <c r="F38" s="1884">
        <v>89.4</v>
      </c>
      <c r="G38" s="1885">
        <v>86.6</v>
      </c>
      <c r="H38" s="1883">
        <v>85</v>
      </c>
      <c r="I38" s="1884">
        <v>81.8</v>
      </c>
      <c r="J38" s="1884">
        <v>81.2</v>
      </c>
      <c r="K38" s="1975">
        <v>95.9</v>
      </c>
      <c r="L38" s="1976">
        <v>86.8</v>
      </c>
      <c r="M38" s="1977">
        <v>89.8</v>
      </c>
      <c r="N38" s="1977">
        <v>80.900000000000006</v>
      </c>
    </row>
    <row r="39" spans="1:14" ht="15" customHeight="1" x14ac:dyDescent="0.25">
      <c r="A39" s="388" t="s">
        <v>576</v>
      </c>
      <c r="B39" s="1881">
        <v>177.2</v>
      </c>
      <c r="C39" s="1882">
        <v>177</v>
      </c>
      <c r="D39" s="1883">
        <v>172.4</v>
      </c>
      <c r="E39" s="1884">
        <v>168.8</v>
      </c>
      <c r="F39" s="1884">
        <v>162.30000000000001</v>
      </c>
      <c r="G39" s="1885">
        <v>157.39999999999998</v>
      </c>
      <c r="H39" s="1883">
        <v>153.39999999999998</v>
      </c>
      <c r="I39" s="1884">
        <v>149</v>
      </c>
      <c r="J39" s="1884">
        <v>148.5</v>
      </c>
      <c r="K39" s="1990">
        <v>173.8</v>
      </c>
      <c r="L39" s="1882">
        <v>156.69999999999999</v>
      </c>
      <c r="M39" s="1884">
        <v>162</v>
      </c>
      <c r="N39" s="1884">
        <v>146.80000000000001</v>
      </c>
    </row>
    <row r="40" spans="1:14" ht="15" customHeight="1" x14ac:dyDescent="0.25">
      <c r="A40" s="386" t="s">
        <v>232</v>
      </c>
      <c r="B40" s="1881">
        <v>20.3</v>
      </c>
      <c r="C40" s="1882">
        <v>18.8</v>
      </c>
      <c r="D40" s="1883">
        <v>18.600000000000001</v>
      </c>
      <c r="E40" s="1884">
        <v>18.100000000000001</v>
      </c>
      <c r="F40" s="1884">
        <v>17.3</v>
      </c>
      <c r="G40" s="1885">
        <v>17.100000000000001</v>
      </c>
      <c r="H40" s="1883">
        <v>17.2</v>
      </c>
      <c r="I40" s="1884">
        <v>17.899999999999999</v>
      </c>
      <c r="J40" s="1884">
        <v>18</v>
      </c>
      <c r="K40" s="1990">
        <v>19.2</v>
      </c>
      <c r="L40" s="1882">
        <v>16.899999999999999</v>
      </c>
      <c r="M40" s="1884">
        <v>17.5</v>
      </c>
      <c r="N40" s="1884">
        <v>17.2</v>
      </c>
    </row>
    <row r="41" spans="1:14" ht="15" customHeight="1" x14ac:dyDescent="0.25">
      <c r="A41" s="386" t="s">
        <v>587</v>
      </c>
      <c r="B41" s="1881">
        <v>15.9</v>
      </c>
      <c r="C41" s="1882">
        <v>16.2</v>
      </c>
      <c r="D41" s="1883">
        <v>15.6</v>
      </c>
      <c r="E41" s="1884">
        <v>16.5</v>
      </c>
      <c r="F41" s="1884">
        <v>17.399999999999999</v>
      </c>
      <c r="G41" s="1885">
        <v>18.3</v>
      </c>
      <c r="H41" s="1883">
        <v>16.2</v>
      </c>
      <c r="I41" s="1884">
        <v>17.5</v>
      </c>
      <c r="J41" s="1884">
        <v>16.7</v>
      </c>
      <c r="K41" s="1990">
        <v>15.9</v>
      </c>
      <c r="L41" s="1882">
        <v>17.600000000000001</v>
      </c>
      <c r="M41" s="1884">
        <v>16.7</v>
      </c>
      <c r="N41" s="1884">
        <v>17</v>
      </c>
    </row>
    <row r="42" spans="1:14" ht="15" customHeight="1" x14ac:dyDescent="0.25">
      <c r="A42" s="386" t="s">
        <v>577</v>
      </c>
      <c r="B42" s="1881">
        <v>25.299999999999983</v>
      </c>
      <c r="C42" s="1882">
        <v>24.900000000000009</v>
      </c>
      <c r="D42" s="1883">
        <v>26.499999999999986</v>
      </c>
      <c r="E42" s="1884">
        <v>25.099999999999987</v>
      </c>
      <c r="F42" s="1884">
        <v>22.9</v>
      </c>
      <c r="G42" s="1885">
        <v>22.600000000000026</v>
      </c>
      <c r="H42" s="1883">
        <v>22.400000000000009</v>
      </c>
      <c r="I42" s="1884">
        <v>22.199999999999996</v>
      </c>
      <c r="J42" s="1884">
        <v>20.899999999999995</v>
      </c>
      <c r="K42" s="1990">
        <v>24.599999999999994</v>
      </c>
      <c r="L42" s="1882">
        <v>13.5</v>
      </c>
      <c r="M42" s="1884">
        <v>27.999999999999989</v>
      </c>
      <c r="N42" s="1884">
        <v>25.199999999999974</v>
      </c>
    </row>
    <row r="43" spans="1:14" ht="15" customHeight="1" x14ac:dyDescent="0.25">
      <c r="A43" s="388" t="s">
        <v>578</v>
      </c>
      <c r="B43" s="1881">
        <v>238.7</v>
      </c>
      <c r="C43" s="1882">
        <v>236.9</v>
      </c>
      <c r="D43" s="1883">
        <v>233.1</v>
      </c>
      <c r="E43" s="1884">
        <v>228.5</v>
      </c>
      <c r="F43" s="1884">
        <v>219.9</v>
      </c>
      <c r="G43" s="1885">
        <v>215.4</v>
      </c>
      <c r="H43" s="1883">
        <v>209.2</v>
      </c>
      <c r="I43" s="1884">
        <v>206.6</v>
      </c>
      <c r="J43" s="1884">
        <v>204.1</v>
      </c>
      <c r="K43" s="1990">
        <v>233.5</v>
      </c>
      <c r="L43" s="1882">
        <v>204.7</v>
      </c>
      <c r="M43" s="1884">
        <v>224.2</v>
      </c>
      <c r="N43" s="1884">
        <v>206.2</v>
      </c>
    </row>
    <row r="44" spans="1:14" ht="15" customHeight="1" x14ac:dyDescent="0.25">
      <c r="A44" s="386" t="s">
        <v>579</v>
      </c>
      <c r="B44" s="1881">
        <v>40.9</v>
      </c>
      <c r="C44" s="1882">
        <v>40.9</v>
      </c>
      <c r="D44" s="1883">
        <v>40.299999999999997</v>
      </c>
      <c r="E44" s="1884">
        <v>40</v>
      </c>
      <c r="F44" s="1884">
        <v>39.6</v>
      </c>
      <c r="G44" s="1885">
        <v>39.299999999999997</v>
      </c>
      <c r="H44" s="1883">
        <v>39.799999999999997</v>
      </c>
      <c r="I44" s="1884">
        <v>39.299999999999997</v>
      </c>
      <c r="J44" s="1884">
        <v>38.799999999999997</v>
      </c>
      <c r="K44" s="1990">
        <v>40.200000000000003</v>
      </c>
      <c r="L44" s="1882">
        <v>38.700000000000003</v>
      </c>
      <c r="M44" s="1884">
        <v>39.1</v>
      </c>
      <c r="N44" s="1884">
        <v>38.299999999999997</v>
      </c>
    </row>
    <row r="45" spans="1:14" ht="15" customHeight="1" x14ac:dyDescent="0.25">
      <c r="A45" s="386" t="s">
        <v>580</v>
      </c>
      <c r="B45" s="1881">
        <v>85</v>
      </c>
      <c r="C45" s="1882">
        <v>82.3</v>
      </c>
      <c r="D45" s="1883">
        <v>79.8</v>
      </c>
      <c r="E45" s="1884">
        <v>78.099999999999994</v>
      </c>
      <c r="F45" s="1884">
        <v>75.099999999999994</v>
      </c>
      <c r="G45" s="1885">
        <v>71.900000000000006</v>
      </c>
      <c r="H45" s="1883">
        <v>71.5</v>
      </c>
      <c r="I45" s="1884">
        <v>72.900000000000006</v>
      </c>
      <c r="J45" s="1884">
        <v>70.099999999999994</v>
      </c>
      <c r="K45" s="1975">
        <v>82.2</v>
      </c>
      <c r="L45" s="1976">
        <v>72.2</v>
      </c>
      <c r="M45" s="1977">
        <v>74.900000000000006</v>
      </c>
      <c r="N45" s="1977">
        <v>70.099999999999994</v>
      </c>
    </row>
    <row r="46" spans="1:14" ht="15" customHeight="1" x14ac:dyDescent="0.25">
      <c r="A46" s="423" t="s">
        <v>581</v>
      </c>
      <c r="B46" s="424">
        <v>125.9</v>
      </c>
      <c r="C46" s="425">
        <v>123.19999999999999</v>
      </c>
      <c r="D46" s="426">
        <v>120.1</v>
      </c>
      <c r="E46" s="427">
        <v>118.1</v>
      </c>
      <c r="F46" s="427">
        <v>114.69999999999999</v>
      </c>
      <c r="G46" s="428">
        <v>111.2</v>
      </c>
      <c r="H46" s="426">
        <v>111.3</v>
      </c>
      <c r="I46" s="427">
        <v>112.2</v>
      </c>
      <c r="J46" s="427">
        <v>108.89999999999999</v>
      </c>
      <c r="K46" s="429">
        <v>122.4</v>
      </c>
      <c r="L46" s="430">
        <v>110.9</v>
      </c>
      <c r="M46" s="431">
        <v>114</v>
      </c>
      <c r="N46" s="431">
        <v>108.39999999999999</v>
      </c>
    </row>
    <row r="47" spans="1:14" ht="15" customHeight="1" x14ac:dyDescent="0.25">
      <c r="A47" s="432" t="s">
        <v>582</v>
      </c>
      <c r="B47" s="1991">
        <v>54.699999999999989</v>
      </c>
      <c r="C47" s="1992">
        <v>53</v>
      </c>
      <c r="D47" s="1993">
        <v>53.800000000000011</v>
      </c>
      <c r="E47" s="1994">
        <v>52.800000000000011</v>
      </c>
      <c r="F47" s="1994">
        <v>46.199999999999989</v>
      </c>
      <c r="G47" s="1995">
        <v>47.600000000000009</v>
      </c>
      <c r="H47" s="1993">
        <v>47.499999999999986</v>
      </c>
      <c r="I47" s="1994">
        <v>45.899999999999991</v>
      </c>
      <c r="J47" s="1994">
        <v>46.999999999999986</v>
      </c>
      <c r="K47" s="1996">
        <v>52.099999999999994</v>
      </c>
      <c r="L47" s="1997">
        <v>45.300000000000011</v>
      </c>
      <c r="M47" s="1998">
        <v>48.399999999999977</v>
      </c>
      <c r="N47" s="1998">
        <v>45.7</v>
      </c>
    </row>
    <row r="48" spans="1:14" ht="15" customHeight="1" x14ac:dyDescent="0.25">
      <c r="A48" s="388" t="s">
        <v>583</v>
      </c>
      <c r="B48" s="422">
        <v>180.6</v>
      </c>
      <c r="C48" s="352">
        <v>176.2</v>
      </c>
      <c r="D48" s="1883">
        <v>173.9</v>
      </c>
      <c r="E48" s="1884">
        <v>170.9</v>
      </c>
      <c r="F48" s="1884">
        <v>160.89999999999998</v>
      </c>
      <c r="G48" s="1885">
        <v>158.80000000000001</v>
      </c>
      <c r="H48" s="1883">
        <v>158.79999999999998</v>
      </c>
      <c r="I48" s="1884">
        <v>158.1</v>
      </c>
      <c r="J48" s="1884">
        <v>155.89999999999998</v>
      </c>
      <c r="K48" s="1975">
        <v>174.5</v>
      </c>
      <c r="L48" s="1976">
        <v>156.20000000000002</v>
      </c>
      <c r="M48" s="1977">
        <v>162.39999999999998</v>
      </c>
      <c r="N48" s="1977">
        <v>154.1</v>
      </c>
    </row>
    <row r="49" spans="1:14" ht="15" customHeight="1" x14ac:dyDescent="0.25">
      <c r="A49" s="433" t="s">
        <v>776</v>
      </c>
      <c r="B49" s="1999"/>
      <c r="C49" s="2000"/>
      <c r="D49" s="1935"/>
      <c r="E49" s="2001"/>
      <c r="F49" s="2001"/>
      <c r="G49" s="2002"/>
      <c r="H49" s="1935"/>
      <c r="I49" s="2001"/>
      <c r="J49" s="2001"/>
      <c r="K49" s="2003"/>
      <c r="L49" s="2004"/>
      <c r="M49" s="2005"/>
      <c r="N49" s="2005"/>
    </row>
    <row r="50" spans="1:14" ht="15" customHeight="1" x14ac:dyDescent="0.25">
      <c r="A50" s="386" t="s">
        <v>637</v>
      </c>
      <c r="B50" s="434">
        <v>41274</v>
      </c>
      <c r="C50" s="354">
        <v>41481</v>
      </c>
      <c r="D50" s="1856">
        <v>41660</v>
      </c>
      <c r="E50" s="1857">
        <v>42143</v>
      </c>
      <c r="F50" s="1857">
        <v>42574</v>
      </c>
      <c r="G50" s="1858">
        <v>42580</v>
      </c>
      <c r="H50" s="1856">
        <v>43372</v>
      </c>
      <c r="I50" s="1857">
        <v>45426</v>
      </c>
      <c r="J50" s="1857">
        <v>45507</v>
      </c>
      <c r="K50" s="2006"/>
      <c r="L50" s="2007"/>
      <c r="M50" s="2008"/>
      <c r="N50" s="2008"/>
    </row>
    <row r="51" spans="1:14" ht="15" customHeight="1" x14ac:dyDescent="0.25">
      <c r="A51" s="394" t="s">
        <v>584</v>
      </c>
      <c r="B51" s="435">
        <v>1161</v>
      </c>
      <c r="C51" s="356">
        <v>1175</v>
      </c>
      <c r="D51" s="357">
        <v>1203</v>
      </c>
      <c r="E51" s="358">
        <v>1205</v>
      </c>
      <c r="F51" s="358">
        <v>1214</v>
      </c>
      <c r="G51" s="359">
        <v>1227</v>
      </c>
      <c r="H51" s="357">
        <v>1318</v>
      </c>
      <c r="I51" s="358">
        <v>1352</v>
      </c>
      <c r="J51" s="358">
        <v>1362</v>
      </c>
      <c r="K51" s="2009"/>
      <c r="L51" s="2010"/>
      <c r="M51" s="436"/>
      <c r="N51" s="436"/>
    </row>
    <row r="52" spans="1:14" ht="15" customHeight="1" x14ac:dyDescent="0.25">
      <c r="A52" s="386" t="s">
        <v>99</v>
      </c>
      <c r="B52" s="435">
        <v>4845</v>
      </c>
      <c r="C52" s="356">
        <v>4843</v>
      </c>
      <c r="D52" s="1856">
        <v>4885</v>
      </c>
      <c r="E52" s="1857">
        <v>4885</v>
      </c>
      <c r="F52" s="1857">
        <v>4759</v>
      </c>
      <c r="G52" s="1858">
        <v>4759</v>
      </c>
      <c r="H52" s="1856">
        <v>4844</v>
      </c>
      <c r="I52" s="1857">
        <v>5057</v>
      </c>
      <c r="J52" s="1857">
        <v>5139</v>
      </c>
      <c r="K52" s="2011"/>
      <c r="L52" s="2012"/>
      <c r="M52" s="436"/>
      <c r="N52" s="436"/>
    </row>
    <row r="53" spans="1:14" ht="15" customHeight="1" x14ac:dyDescent="0.25">
      <c r="A53" s="437" t="s">
        <v>208</v>
      </c>
      <c r="B53" s="438">
        <v>11</v>
      </c>
      <c r="C53" s="362">
        <v>11</v>
      </c>
      <c r="D53" s="1948">
        <v>11</v>
      </c>
      <c r="E53" s="1949">
        <v>10</v>
      </c>
      <c r="F53" s="1949">
        <v>11</v>
      </c>
      <c r="G53" s="1950">
        <v>11</v>
      </c>
      <c r="H53" s="1948">
        <v>11</v>
      </c>
      <c r="I53" s="1949">
        <v>11</v>
      </c>
      <c r="J53" s="1949">
        <v>11</v>
      </c>
      <c r="K53" s="2013">
        <v>21</v>
      </c>
      <c r="L53" s="2014">
        <v>21</v>
      </c>
      <c r="M53" s="2015">
        <v>42</v>
      </c>
      <c r="N53" s="2015">
        <v>45</v>
      </c>
    </row>
    <row r="54" spans="1:14" ht="14.5" customHeight="1" x14ac:dyDescent="0.25">
      <c r="A54" s="439"/>
      <c r="B54" s="440"/>
      <c r="C54" s="440"/>
      <c r="D54" s="441"/>
      <c r="E54" s="441"/>
      <c r="F54" s="441"/>
      <c r="G54" s="441"/>
      <c r="H54" s="441"/>
      <c r="I54" s="441"/>
      <c r="J54" s="441"/>
      <c r="K54" s="441"/>
      <c r="L54" s="441"/>
      <c r="M54" s="441"/>
      <c r="N54" s="441"/>
    </row>
    <row r="55" spans="1:14" ht="24" customHeight="1" x14ac:dyDescent="0.25">
      <c r="A55" s="3178" t="s">
        <v>793</v>
      </c>
      <c r="B55" s="3178"/>
      <c r="C55" s="3178"/>
      <c r="D55" s="3178"/>
      <c r="E55" s="3178"/>
      <c r="F55" s="3178"/>
      <c r="G55" s="3178"/>
      <c r="H55" s="3178"/>
      <c r="I55" s="3178"/>
      <c r="J55" s="3178"/>
      <c r="K55" s="3178"/>
      <c r="L55" s="3178"/>
      <c r="M55" s="3178"/>
      <c r="N55" s="3178"/>
    </row>
    <row r="56" spans="1:14" ht="12" customHeight="1" x14ac:dyDescent="0.25">
      <c r="A56" s="1514" t="s">
        <v>247</v>
      </c>
      <c r="B56" s="442"/>
      <c r="C56" s="442"/>
      <c r="D56" s="442"/>
      <c r="E56" s="442"/>
      <c r="F56" s="442"/>
      <c r="G56" s="442"/>
      <c r="H56" s="442"/>
      <c r="I56" s="442"/>
      <c r="J56" s="442"/>
      <c r="K56" s="442"/>
      <c r="L56" s="442"/>
      <c r="M56" s="442"/>
      <c r="N56" s="442"/>
    </row>
    <row r="57" spans="1:14" ht="12" customHeight="1" x14ac:dyDescent="0.25">
      <c r="A57" s="1514" t="s">
        <v>248</v>
      </c>
      <c r="B57" s="442"/>
      <c r="C57" s="442"/>
      <c r="D57" s="442"/>
      <c r="E57" s="442"/>
      <c r="F57" s="442"/>
      <c r="G57" s="442"/>
      <c r="H57" s="442"/>
      <c r="I57" s="442"/>
      <c r="J57" s="442"/>
      <c r="K57" s="442"/>
      <c r="L57" s="442"/>
      <c r="M57" s="442"/>
      <c r="N57" s="442"/>
    </row>
    <row r="58" spans="1:14" ht="12" customHeight="1" x14ac:dyDescent="0.25">
      <c r="A58" s="1514" t="s">
        <v>794</v>
      </c>
      <c r="B58" s="442"/>
      <c r="C58" s="442"/>
      <c r="D58" s="442"/>
      <c r="E58" s="442"/>
      <c r="F58" s="442"/>
      <c r="G58" s="442"/>
      <c r="H58" s="442"/>
      <c r="I58" s="442"/>
      <c r="J58" s="442"/>
      <c r="K58" s="442"/>
      <c r="L58" s="442"/>
      <c r="M58" s="442"/>
      <c r="N58" s="442"/>
    </row>
    <row r="59" spans="1:14" ht="12" customHeight="1" x14ac:dyDescent="0.25">
      <c r="A59" s="1514" t="s">
        <v>795</v>
      </c>
      <c r="B59" s="442"/>
      <c r="C59" s="442"/>
      <c r="D59" s="442"/>
      <c r="E59" s="442"/>
      <c r="F59" s="442"/>
      <c r="G59" s="442"/>
      <c r="H59" s="442"/>
      <c r="I59" s="442"/>
      <c r="J59" s="442"/>
      <c r="K59" s="442"/>
      <c r="L59" s="442"/>
      <c r="M59" s="442"/>
      <c r="N59" s="442"/>
    </row>
    <row r="60" spans="1:14" ht="12" customHeight="1" x14ac:dyDescent="0.25">
      <c r="A60" s="1514" t="s">
        <v>249</v>
      </c>
      <c r="B60" s="442"/>
      <c r="C60" s="442"/>
      <c r="D60" s="442"/>
      <c r="E60" s="442"/>
      <c r="F60" s="442"/>
      <c r="G60" s="442"/>
      <c r="H60" s="442"/>
      <c r="I60" s="442"/>
      <c r="J60" s="442"/>
      <c r="K60" s="442"/>
      <c r="L60" s="442"/>
      <c r="M60" s="442"/>
      <c r="N60" s="442"/>
    </row>
  </sheetData>
  <mergeCells count="7">
    <mergeCell ref="A55:N55"/>
    <mergeCell ref="A2:N2"/>
    <mergeCell ref="B3:C3"/>
    <mergeCell ref="D3:G3"/>
    <mergeCell ref="H3:J3"/>
    <mergeCell ref="K3:L3"/>
    <mergeCell ref="M3:N3"/>
  </mergeCells>
  <hyperlinks>
    <hyperlink ref="A1" location="TDM!A1" display="Retour à la table des matières" xr:uid="{00000000-0004-0000-0B00-000000000000}"/>
  </hyperlinks>
  <printOptions horizontalCentered="1"/>
  <pageMargins left="0.51181102362204722" right="0.51181102362204722" top="0.51181102362204722" bottom="0.51181102362204722" header="0.23622047244094491" footer="0.23622047244094491"/>
  <pageSetup scale="46" orientation="landscape" r:id="rId1"/>
  <headerFooter>
    <oddFooter>&amp;L&amp;G&amp;C&amp;"Scotia,Regular"&amp;9Informations financières supplémentaires (IFS)&amp;R&amp;"Scotia,Regular"&amp;9&amp;A</oddFooter>
  </headerFooter>
  <legacyDrawingHF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067C11-4853-44D0-B011-E71E24F9F88D}">
  <sheetPr>
    <pageSetUpPr fitToPage="1"/>
  </sheetPr>
  <dimension ref="A1:N78"/>
  <sheetViews>
    <sheetView showGridLines="0" zoomScaleNormal="100" workbookViewId="0"/>
  </sheetViews>
  <sheetFormatPr defaultColWidth="8.7265625" defaultRowHeight="12.5" x14ac:dyDescent="0.25"/>
  <cols>
    <col min="1" max="1" width="107.453125" style="25" customWidth="1"/>
    <col min="2" max="14" width="14.54296875" style="25" customWidth="1"/>
    <col min="15" max="16384" width="8.7265625" style="25"/>
  </cols>
  <sheetData>
    <row r="1" spans="1:14" ht="20.149999999999999" customHeight="1" x14ac:dyDescent="0.25">
      <c r="A1" s="24" t="s">
        <v>37</v>
      </c>
    </row>
    <row r="2" spans="1:14" ht="24" customHeight="1" x14ac:dyDescent="0.25">
      <c r="A2" s="3187" t="s">
        <v>250</v>
      </c>
      <c r="B2" s="3187" t="s">
        <v>38</v>
      </c>
      <c r="C2" s="3187" t="s">
        <v>38</v>
      </c>
      <c r="D2" s="3187" t="s">
        <v>38</v>
      </c>
      <c r="E2" s="3187" t="s">
        <v>38</v>
      </c>
      <c r="F2" s="3187" t="s">
        <v>38</v>
      </c>
      <c r="G2" s="3187" t="s">
        <v>38</v>
      </c>
      <c r="H2" s="3187" t="s">
        <v>38</v>
      </c>
      <c r="I2" s="3187" t="s">
        <v>38</v>
      </c>
      <c r="J2" s="3187" t="s">
        <v>38</v>
      </c>
      <c r="K2" s="3187" t="s">
        <v>38</v>
      </c>
      <c r="L2" s="3187" t="s">
        <v>38</v>
      </c>
      <c r="M2" s="3187" t="s">
        <v>38</v>
      </c>
      <c r="N2" s="3187" t="s">
        <v>38</v>
      </c>
    </row>
    <row r="3" spans="1:14" ht="14.15" customHeight="1" x14ac:dyDescent="0.25">
      <c r="A3" s="443"/>
      <c r="B3" s="3188" t="s">
        <v>174</v>
      </c>
      <c r="C3" s="3189" t="s">
        <v>38</v>
      </c>
      <c r="D3" s="3190">
        <v>2022</v>
      </c>
      <c r="E3" s="3191" t="s">
        <v>38</v>
      </c>
      <c r="F3" s="3191" t="s">
        <v>38</v>
      </c>
      <c r="G3" s="3192" t="s">
        <v>38</v>
      </c>
      <c r="H3" s="3190">
        <v>2021</v>
      </c>
      <c r="I3" s="3191" t="s">
        <v>38</v>
      </c>
      <c r="J3" s="3191" t="s">
        <v>38</v>
      </c>
      <c r="K3" s="3193" t="s">
        <v>716</v>
      </c>
      <c r="L3" s="3194" t="s">
        <v>38</v>
      </c>
      <c r="M3" s="3191" t="s">
        <v>717</v>
      </c>
      <c r="N3" s="3191" t="s">
        <v>38</v>
      </c>
    </row>
    <row r="4" spans="1:14" ht="14.15" customHeight="1" x14ac:dyDescent="0.25">
      <c r="A4" s="444"/>
      <c r="B4" s="445" t="s">
        <v>49</v>
      </c>
      <c r="C4" s="446" t="s">
        <v>45</v>
      </c>
      <c r="D4" s="447" t="s">
        <v>569</v>
      </c>
      <c r="E4" s="448" t="s">
        <v>570</v>
      </c>
      <c r="F4" s="448" t="s">
        <v>49</v>
      </c>
      <c r="G4" s="199" t="s">
        <v>45</v>
      </c>
      <c r="H4" s="449" t="s">
        <v>569</v>
      </c>
      <c r="I4" s="448" t="s">
        <v>570</v>
      </c>
      <c r="J4" s="448" t="s">
        <v>49</v>
      </c>
      <c r="K4" s="450">
        <v>2023</v>
      </c>
      <c r="L4" s="451">
        <v>2022</v>
      </c>
      <c r="M4" s="452">
        <v>2022</v>
      </c>
      <c r="N4" s="452">
        <v>2021</v>
      </c>
    </row>
    <row r="5" spans="1:14" ht="14.15" customHeight="1" x14ac:dyDescent="0.25">
      <c r="A5" s="377" t="s">
        <v>781</v>
      </c>
      <c r="B5" s="453"/>
      <c r="C5" s="454"/>
      <c r="D5" s="455"/>
      <c r="E5" s="456"/>
      <c r="F5" s="456"/>
      <c r="G5" s="457"/>
      <c r="H5" s="458"/>
      <c r="I5" s="456"/>
      <c r="J5" s="456"/>
      <c r="K5" s="459"/>
      <c r="L5" s="460"/>
      <c r="M5" s="461"/>
      <c r="N5" s="461"/>
    </row>
    <row r="6" spans="1:14" ht="14.15" customHeight="1" x14ac:dyDescent="0.25">
      <c r="A6" s="462" t="s">
        <v>216</v>
      </c>
      <c r="B6" s="463">
        <v>209</v>
      </c>
      <c r="C6" s="216">
        <v>213</v>
      </c>
      <c r="D6" s="464">
        <v>206</v>
      </c>
      <c r="E6" s="465">
        <v>200</v>
      </c>
      <c r="F6" s="465">
        <v>184</v>
      </c>
      <c r="G6" s="466">
        <v>174</v>
      </c>
      <c r="H6" s="464">
        <v>161</v>
      </c>
      <c r="I6" s="465">
        <v>160</v>
      </c>
      <c r="J6" s="465">
        <v>152</v>
      </c>
      <c r="K6" s="467">
        <v>422</v>
      </c>
      <c r="L6" s="468">
        <v>358</v>
      </c>
      <c r="M6" s="465">
        <v>764</v>
      </c>
      <c r="N6" s="465">
        <v>628</v>
      </c>
    </row>
    <row r="7" spans="1:14" ht="14.15" customHeight="1" x14ac:dyDescent="0.25">
      <c r="A7" s="469" t="s">
        <v>212</v>
      </c>
      <c r="B7" s="2016">
        <v>1091</v>
      </c>
      <c r="C7" s="216">
        <v>1110</v>
      </c>
      <c r="D7" s="2017">
        <v>1083</v>
      </c>
      <c r="E7" s="2018">
        <v>1112</v>
      </c>
      <c r="F7" s="2018">
        <v>1174</v>
      </c>
      <c r="G7" s="466">
        <v>1248</v>
      </c>
      <c r="H7" s="2019">
        <v>1186</v>
      </c>
      <c r="I7" s="2018">
        <v>1175</v>
      </c>
      <c r="J7" s="2018">
        <v>1156</v>
      </c>
      <c r="K7" s="2020">
        <v>2201</v>
      </c>
      <c r="L7" s="2021">
        <v>2422</v>
      </c>
      <c r="M7" s="2018">
        <v>4617</v>
      </c>
      <c r="N7" s="2018">
        <v>4752</v>
      </c>
    </row>
    <row r="8" spans="1:14" ht="14.15" customHeight="1" x14ac:dyDescent="0.25">
      <c r="A8" s="470" t="s">
        <v>211</v>
      </c>
      <c r="B8" s="2022">
        <v>1082</v>
      </c>
      <c r="C8" s="219">
        <v>1101</v>
      </c>
      <c r="D8" s="2023">
        <v>1074</v>
      </c>
      <c r="E8" s="2024">
        <v>1107</v>
      </c>
      <c r="F8" s="2024">
        <v>1170</v>
      </c>
      <c r="G8" s="471">
        <v>1244</v>
      </c>
      <c r="H8" s="2025">
        <v>1177</v>
      </c>
      <c r="I8" s="2024">
        <v>1167</v>
      </c>
      <c r="J8" s="2024">
        <v>1148</v>
      </c>
      <c r="K8" s="2026">
        <v>2183</v>
      </c>
      <c r="L8" s="2027">
        <v>2414</v>
      </c>
      <c r="M8" s="2024">
        <v>4595</v>
      </c>
      <c r="N8" s="2024">
        <v>4715</v>
      </c>
    </row>
    <row r="9" spans="1:14" ht="14.15" customHeight="1" x14ac:dyDescent="0.25">
      <c r="A9" s="470" t="s">
        <v>210</v>
      </c>
      <c r="B9" s="2022">
        <v>5</v>
      </c>
      <c r="C9" s="219">
        <v>3</v>
      </c>
      <c r="D9" s="2023">
        <v>5</v>
      </c>
      <c r="E9" s="2024">
        <v>3</v>
      </c>
      <c r="F9" s="2024">
        <v>5</v>
      </c>
      <c r="G9" s="471">
        <v>1</v>
      </c>
      <c r="H9" s="2025">
        <v>7</v>
      </c>
      <c r="I9" s="2024">
        <v>3</v>
      </c>
      <c r="J9" s="2024">
        <v>4</v>
      </c>
      <c r="K9" s="2026">
        <v>8</v>
      </c>
      <c r="L9" s="2027">
        <v>6</v>
      </c>
      <c r="M9" s="2024">
        <v>14</v>
      </c>
      <c r="N9" s="2024">
        <v>17</v>
      </c>
    </row>
    <row r="10" spans="1:14" ht="14.15" customHeight="1" x14ac:dyDescent="0.25">
      <c r="A10" s="470" t="s">
        <v>94</v>
      </c>
      <c r="B10" s="2022">
        <v>4</v>
      </c>
      <c r="C10" s="219">
        <v>6</v>
      </c>
      <c r="D10" s="2023">
        <v>4</v>
      </c>
      <c r="E10" s="2024">
        <v>2</v>
      </c>
      <c r="F10" s="2024">
        <v>-1</v>
      </c>
      <c r="G10" s="471">
        <v>3</v>
      </c>
      <c r="H10" s="2025">
        <v>2</v>
      </c>
      <c r="I10" s="2024">
        <v>5</v>
      </c>
      <c r="J10" s="2024">
        <v>4</v>
      </c>
      <c r="K10" s="2026">
        <v>10</v>
      </c>
      <c r="L10" s="2027">
        <v>2</v>
      </c>
      <c r="M10" s="2024">
        <v>8</v>
      </c>
      <c r="N10" s="2024">
        <v>20</v>
      </c>
    </row>
    <row r="11" spans="1:14" ht="14.15" customHeight="1" x14ac:dyDescent="0.25">
      <c r="A11" s="472" t="s">
        <v>75</v>
      </c>
      <c r="B11" s="2016">
        <v>1300</v>
      </c>
      <c r="C11" s="216">
        <v>1323</v>
      </c>
      <c r="D11" s="2017">
        <v>1289</v>
      </c>
      <c r="E11" s="2018">
        <v>1312</v>
      </c>
      <c r="F11" s="2018">
        <v>1358</v>
      </c>
      <c r="G11" s="466">
        <v>1422</v>
      </c>
      <c r="H11" s="2019">
        <v>1347</v>
      </c>
      <c r="I11" s="2018">
        <v>1335</v>
      </c>
      <c r="J11" s="2018">
        <v>1308</v>
      </c>
      <c r="K11" s="2020">
        <v>2623</v>
      </c>
      <c r="L11" s="2021">
        <v>2780</v>
      </c>
      <c r="M11" s="2018">
        <v>5381</v>
      </c>
      <c r="N11" s="2018">
        <v>5380</v>
      </c>
    </row>
    <row r="12" spans="1:14" ht="14.15" customHeight="1" x14ac:dyDescent="0.25">
      <c r="A12" s="469" t="s">
        <v>796</v>
      </c>
      <c r="B12" s="2016">
        <v>2</v>
      </c>
      <c r="C12" s="216">
        <v>1</v>
      </c>
      <c r="D12" s="2017">
        <v>1</v>
      </c>
      <c r="E12" s="2018">
        <v>5</v>
      </c>
      <c r="F12" s="2018">
        <v>1</v>
      </c>
      <c r="G12" s="466">
        <v>-1</v>
      </c>
      <c r="H12" s="2019">
        <v>1</v>
      </c>
      <c r="I12" s="2018">
        <v>-1</v>
      </c>
      <c r="J12" s="2018">
        <v>-2</v>
      </c>
      <c r="K12" s="2020">
        <v>3</v>
      </c>
      <c r="L12" s="2021">
        <v>0</v>
      </c>
      <c r="M12" s="2018">
        <v>6</v>
      </c>
      <c r="N12" s="2018">
        <v>2</v>
      </c>
    </row>
    <row r="13" spans="1:14" ht="14.15" customHeight="1" x14ac:dyDescent="0.25">
      <c r="A13" s="469" t="s">
        <v>57</v>
      </c>
      <c r="B13" s="2016">
        <v>818</v>
      </c>
      <c r="C13" s="216">
        <v>802</v>
      </c>
      <c r="D13" s="2017">
        <v>798</v>
      </c>
      <c r="E13" s="2018">
        <v>796</v>
      </c>
      <c r="F13" s="2018">
        <v>803</v>
      </c>
      <c r="G13" s="466">
        <v>862</v>
      </c>
      <c r="H13" s="2019">
        <v>824</v>
      </c>
      <c r="I13" s="2018">
        <v>812</v>
      </c>
      <c r="J13" s="2018">
        <v>802</v>
      </c>
      <c r="K13" s="2020">
        <v>1620</v>
      </c>
      <c r="L13" s="2021">
        <v>1665</v>
      </c>
      <c r="M13" s="2018">
        <v>3259</v>
      </c>
      <c r="N13" s="2018">
        <v>3255</v>
      </c>
    </row>
    <row r="14" spans="1:14" ht="14.15" customHeight="1" x14ac:dyDescent="0.25">
      <c r="A14" s="472" t="s">
        <v>56</v>
      </c>
      <c r="B14" s="2016">
        <v>480</v>
      </c>
      <c r="C14" s="216">
        <v>520</v>
      </c>
      <c r="D14" s="2017">
        <v>490</v>
      </c>
      <c r="E14" s="2018">
        <v>511</v>
      </c>
      <c r="F14" s="2018">
        <v>554</v>
      </c>
      <c r="G14" s="466">
        <v>561</v>
      </c>
      <c r="H14" s="2019">
        <v>522</v>
      </c>
      <c r="I14" s="2018">
        <v>524</v>
      </c>
      <c r="J14" s="2018">
        <v>508</v>
      </c>
      <c r="K14" s="2020">
        <v>1000</v>
      </c>
      <c r="L14" s="2021">
        <v>1115</v>
      </c>
      <c r="M14" s="2018">
        <v>2116</v>
      </c>
      <c r="N14" s="2018">
        <v>2123</v>
      </c>
    </row>
    <row r="15" spans="1:14" ht="14.15" customHeight="1" x14ac:dyDescent="0.25">
      <c r="A15" s="469" t="s">
        <v>74</v>
      </c>
      <c r="B15" s="2016">
        <v>124</v>
      </c>
      <c r="C15" s="216">
        <v>133</v>
      </c>
      <c r="D15" s="2017">
        <v>127</v>
      </c>
      <c r="E15" s="2018">
        <v>133</v>
      </c>
      <c r="F15" s="2018">
        <v>145</v>
      </c>
      <c r="G15" s="466">
        <v>146</v>
      </c>
      <c r="H15" s="2019">
        <v>135</v>
      </c>
      <c r="I15" s="2018">
        <v>132</v>
      </c>
      <c r="J15" s="2018">
        <v>134</v>
      </c>
      <c r="K15" s="2020">
        <v>257</v>
      </c>
      <c r="L15" s="2021">
        <v>291</v>
      </c>
      <c r="M15" s="2018">
        <v>551</v>
      </c>
      <c r="N15" s="2018">
        <v>549</v>
      </c>
    </row>
    <row r="16" spans="1:14" ht="14.15" customHeight="1" x14ac:dyDescent="0.25">
      <c r="A16" s="472" t="s">
        <v>72</v>
      </c>
      <c r="B16" s="2016">
        <v>356</v>
      </c>
      <c r="C16" s="216">
        <v>387</v>
      </c>
      <c r="D16" s="2017">
        <v>363</v>
      </c>
      <c r="E16" s="2018">
        <v>378</v>
      </c>
      <c r="F16" s="2018">
        <v>409</v>
      </c>
      <c r="G16" s="466">
        <v>415</v>
      </c>
      <c r="H16" s="2019">
        <v>387</v>
      </c>
      <c r="I16" s="2018">
        <v>392</v>
      </c>
      <c r="J16" s="2018">
        <v>374</v>
      </c>
      <c r="K16" s="2020">
        <v>743</v>
      </c>
      <c r="L16" s="2021">
        <v>824</v>
      </c>
      <c r="M16" s="2018">
        <v>1565</v>
      </c>
      <c r="N16" s="2018">
        <v>1574</v>
      </c>
    </row>
    <row r="17" spans="1:14" ht="14.15" customHeight="1" x14ac:dyDescent="0.25">
      <c r="A17" s="469" t="s">
        <v>614</v>
      </c>
      <c r="B17" s="2016">
        <v>6</v>
      </c>
      <c r="C17" s="216">
        <v>7</v>
      </c>
      <c r="D17" s="2017">
        <v>7</v>
      </c>
      <c r="E17" s="2018">
        <v>7</v>
      </c>
      <c r="F17" s="2018">
        <v>6</v>
      </c>
      <c r="G17" s="466">
        <v>7</v>
      </c>
      <c r="H17" s="2019">
        <v>7</v>
      </c>
      <c r="I17" s="2018">
        <v>7</v>
      </c>
      <c r="J17" s="2018">
        <v>6</v>
      </c>
      <c r="K17" s="2020">
        <v>13</v>
      </c>
      <c r="L17" s="2021">
        <v>13</v>
      </c>
      <c r="M17" s="2018">
        <v>27</v>
      </c>
      <c r="N17" s="2018">
        <v>27</v>
      </c>
    </row>
    <row r="18" spans="1:14" ht="14.15" customHeight="1" x14ac:dyDescent="0.25">
      <c r="A18" s="472" t="s">
        <v>615</v>
      </c>
      <c r="B18" s="2016">
        <v>362</v>
      </c>
      <c r="C18" s="216">
        <v>394</v>
      </c>
      <c r="D18" s="2017">
        <v>370</v>
      </c>
      <c r="E18" s="2018">
        <v>385</v>
      </c>
      <c r="F18" s="2018">
        <v>415</v>
      </c>
      <c r="G18" s="466">
        <v>422</v>
      </c>
      <c r="H18" s="2019">
        <v>394</v>
      </c>
      <c r="I18" s="2018">
        <v>399</v>
      </c>
      <c r="J18" s="2018">
        <v>380</v>
      </c>
      <c r="K18" s="2020">
        <v>756</v>
      </c>
      <c r="L18" s="2021">
        <v>837</v>
      </c>
      <c r="M18" s="2018">
        <v>1592</v>
      </c>
      <c r="N18" s="2018">
        <v>1601</v>
      </c>
    </row>
    <row r="19" spans="1:14" ht="14.15" customHeight="1" x14ac:dyDescent="0.25">
      <c r="A19" s="472"/>
      <c r="B19" s="2028"/>
      <c r="C19" s="222"/>
      <c r="D19" s="2029"/>
      <c r="E19" s="2030"/>
      <c r="F19" s="2030"/>
      <c r="G19" s="473"/>
      <c r="H19" s="2031"/>
      <c r="I19" s="2030"/>
      <c r="J19" s="2030"/>
      <c r="K19" s="2032"/>
      <c r="L19" s="2033"/>
      <c r="M19" s="2030"/>
      <c r="N19" s="2030"/>
    </row>
    <row r="20" spans="1:14" ht="14.15" customHeight="1" x14ac:dyDescent="0.25">
      <c r="A20" s="388" t="s">
        <v>782</v>
      </c>
      <c r="B20" s="2016">
        <v>3</v>
      </c>
      <c r="C20" s="216">
        <v>2</v>
      </c>
      <c r="D20" s="2034">
        <v>2</v>
      </c>
      <c r="E20" s="2035">
        <v>2</v>
      </c>
      <c r="F20" s="2035">
        <v>2</v>
      </c>
      <c r="G20" s="216">
        <v>3</v>
      </c>
      <c r="H20" s="2036">
        <v>2</v>
      </c>
      <c r="I20" s="2035">
        <v>2</v>
      </c>
      <c r="J20" s="2035">
        <v>2</v>
      </c>
      <c r="K20" s="2037">
        <v>5</v>
      </c>
      <c r="L20" s="2038">
        <v>5</v>
      </c>
      <c r="M20" s="2035">
        <v>9</v>
      </c>
      <c r="N20" s="2035">
        <v>9</v>
      </c>
    </row>
    <row r="21" spans="1:14" ht="14.15" customHeight="1" x14ac:dyDescent="0.25">
      <c r="A21" s="388" t="s">
        <v>783</v>
      </c>
      <c r="B21" s="2016">
        <v>353</v>
      </c>
      <c r="C21" s="216">
        <v>385</v>
      </c>
      <c r="D21" s="2017">
        <v>361</v>
      </c>
      <c r="E21" s="2018">
        <v>376</v>
      </c>
      <c r="F21" s="2018">
        <v>407</v>
      </c>
      <c r="G21" s="466">
        <v>412</v>
      </c>
      <c r="H21" s="2019">
        <v>385</v>
      </c>
      <c r="I21" s="2018">
        <v>390</v>
      </c>
      <c r="J21" s="2018">
        <v>372</v>
      </c>
      <c r="K21" s="2020">
        <v>738</v>
      </c>
      <c r="L21" s="2021">
        <v>819</v>
      </c>
      <c r="M21" s="2018">
        <v>1556</v>
      </c>
      <c r="N21" s="2018">
        <v>1565</v>
      </c>
    </row>
    <row r="22" spans="1:14" ht="14.15" customHeight="1" x14ac:dyDescent="0.25">
      <c r="A22" s="474"/>
      <c r="B22" s="2028"/>
      <c r="C22" s="222"/>
      <c r="D22" s="2029"/>
      <c r="E22" s="2030"/>
      <c r="F22" s="2030"/>
      <c r="G22" s="473"/>
      <c r="H22" s="2031"/>
      <c r="I22" s="2030"/>
      <c r="J22" s="2030"/>
      <c r="K22" s="2032"/>
      <c r="L22" s="2033"/>
      <c r="M22" s="2030"/>
      <c r="N22" s="2030"/>
    </row>
    <row r="23" spans="1:14" ht="14.15" customHeight="1" x14ac:dyDescent="0.25">
      <c r="A23" s="472" t="s">
        <v>797</v>
      </c>
      <c r="B23" s="2016">
        <v>3</v>
      </c>
      <c r="C23" s="216">
        <v>2</v>
      </c>
      <c r="D23" s="2034">
        <v>2</v>
      </c>
      <c r="E23" s="2035">
        <v>2</v>
      </c>
      <c r="F23" s="2035">
        <v>2</v>
      </c>
      <c r="G23" s="216">
        <v>3</v>
      </c>
      <c r="H23" s="2036">
        <v>2</v>
      </c>
      <c r="I23" s="2035">
        <v>2</v>
      </c>
      <c r="J23" s="2035">
        <v>2</v>
      </c>
      <c r="K23" s="2037">
        <v>5</v>
      </c>
      <c r="L23" s="2038">
        <v>5</v>
      </c>
      <c r="M23" s="2035">
        <v>9</v>
      </c>
      <c r="N23" s="2035">
        <v>9</v>
      </c>
    </row>
    <row r="24" spans="1:14" ht="14.15" customHeight="1" x14ac:dyDescent="0.25">
      <c r="A24" s="472" t="s">
        <v>638</v>
      </c>
      <c r="B24" s="2016">
        <v>359</v>
      </c>
      <c r="C24" s="216">
        <v>392</v>
      </c>
      <c r="D24" s="2017">
        <v>368</v>
      </c>
      <c r="E24" s="2018">
        <v>383</v>
      </c>
      <c r="F24" s="2018">
        <v>413</v>
      </c>
      <c r="G24" s="466">
        <v>419</v>
      </c>
      <c r="H24" s="2019">
        <v>392</v>
      </c>
      <c r="I24" s="2018">
        <v>397</v>
      </c>
      <c r="J24" s="2018">
        <v>378</v>
      </c>
      <c r="K24" s="2020">
        <v>751</v>
      </c>
      <c r="L24" s="2021">
        <v>832</v>
      </c>
      <c r="M24" s="2018">
        <v>1583</v>
      </c>
      <c r="N24" s="2018">
        <v>1592</v>
      </c>
    </row>
    <row r="25" spans="1:14" ht="14.15" customHeight="1" x14ac:dyDescent="0.25">
      <c r="A25" s="475"/>
      <c r="B25" s="2028"/>
      <c r="C25" s="222"/>
      <c r="D25" s="2029"/>
      <c r="E25" s="2030"/>
      <c r="F25" s="2030"/>
      <c r="G25" s="473"/>
      <c r="H25" s="2031"/>
      <c r="I25" s="2030"/>
      <c r="J25" s="2030"/>
      <c r="K25" s="2032"/>
      <c r="L25" s="2033"/>
      <c r="M25" s="2030"/>
      <c r="N25" s="2030"/>
    </row>
    <row r="26" spans="1:14" ht="14.15" customHeight="1" x14ac:dyDescent="0.25">
      <c r="A26" s="472" t="s">
        <v>695</v>
      </c>
      <c r="B26" s="2028"/>
      <c r="C26" s="222"/>
      <c r="D26" s="2029"/>
      <c r="E26" s="2030"/>
      <c r="F26" s="2030"/>
      <c r="G26" s="473"/>
      <c r="H26" s="2031"/>
      <c r="I26" s="2030"/>
      <c r="J26" s="2030"/>
      <c r="K26" s="2039"/>
      <c r="L26" s="2040"/>
      <c r="M26" s="2041"/>
      <c r="N26" s="2030"/>
    </row>
    <row r="27" spans="1:14" ht="14.15" customHeight="1" x14ac:dyDescent="0.25">
      <c r="A27" s="469" t="s">
        <v>223</v>
      </c>
      <c r="B27" s="2016">
        <v>303</v>
      </c>
      <c r="C27" s="216">
        <v>337</v>
      </c>
      <c r="D27" s="2034">
        <v>320</v>
      </c>
      <c r="E27" s="2035">
        <v>335</v>
      </c>
      <c r="F27" s="2035">
        <v>366</v>
      </c>
      <c r="G27" s="216">
        <v>375</v>
      </c>
      <c r="H27" s="2036">
        <v>348</v>
      </c>
      <c r="I27" s="2035">
        <v>348</v>
      </c>
      <c r="J27" s="2035">
        <v>333</v>
      </c>
      <c r="K27" s="2037">
        <v>640</v>
      </c>
      <c r="L27" s="2038">
        <v>741</v>
      </c>
      <c r="M27" s="2035">
        <v>1396</v>
      </c>
      <c r="N27" s="2018">
        <v>1414</v>
      </c>
    </row>
    <row r="28" spans="1:14" ht="14.15" customHeight="1" x14ac:dyDescent="0.25">
      <c r="A28" s="469" t="s">
        <v>230</v>
      </c>
      <c r="B28" s="2016">
        <v>56</v>
      </c>
      <c r="C28" s="216">
        <v>55</v>
      </c>
      <c r="D28" s="2017">
        <v>48</v>
      </c>
      <c r="E28" s="2018">
        <v>48</v>
      </c>
      <c r="F28" s="2018">
        <v>47</v>
      </c>
      <c r="G28" s="466">
        <v>44</v>
      </c>
      <c r="H28" s="2019">
        <v>44</v>
      </c>
      <c r="I28" s="2018">
        <v>49</v>
      </c>
      <c r="J28" s="2018">
        <v>45</v>
      </c>
      <c r="K28" s="2037">
        <v>111</v>
      </c>
      <c r="L28" s="2038">
        <v>91</v>
      </c>
      <c r="M28" s="2018">
        <v>187</v>
      </c>
      <c r="N28" s="2018">
        <v>178</v>
      </c>
    </row>
    <row r="29" spans="1:14" ht="14.15" customHeight="1" x14ac:dyDescent="0.25">
      <c r="A29" s="475" t="s">
        <v>251</v>
      </c>
      <c r="B29" s="2016">
        <v>47</v>
      </c>
      <c r="C29" s="216">
        <v>45</v>
      </c>
      <c r="D29" s="2042">
        <v>39</v>
      </c>
      <c r="E29" s="2043">
        <v>39</v>
      </c>
      <c r="F29" s="2043">
        <v>38</v>
      </c>
      <c r="G29" s="466">
        <v>37</v>
      </c>
      <c r="H29" s="2044">
        <v>37</v>
      </c>
      <c r="I29" s="2043">
        <v>39</v>
      </c>
      <c r="J29" s="2043">
        <v>36</v>
      </c>
      <c r="K29" s="2037">
        <v>92</v>
      </c>
      <c r="L29" s="2038">
        <v>75</v>
      </c>
      <c r="M29" s="2018">
        <v>153</v>
      </c>
      <c r="N29" s="2018">
        <v>141</v>
      </c>
    </row>
    <row r="30" spans="1:14" ht="14.15" customHeight="1" x14ac:dyDescent="0.25">
      <c r="A30" s="475" t="s">
        <v>242</v>
      </c>
      <c r="B30" s="2016">
        <v>9</v>
      </c>
      <c r="C30" s="216">
        <v>10</v>
      </c>
      <c r="D30" s="2042">
        <v>9</v>
      </c>
      <c r="E30" s="2043">
        <v>9</v>
      </c>
      <c r="F30" s="2043">
        <v>9</v>
      </c>
      <c r="G30" s="466">
        <v>7</v>
      </c>
      <c r="H30" s="2044">
        <v>7</v>
      </c>
      <c r="I30" s="2043">
        <v>10</v>
      </c>
      <c r="J30" s="2043">
        <v>9</v>
      </c>
      <c r="K30" s="2037">
        <v>19</v>
      </c>
      <c r="L30" s="2038">
        <v>16</v>
      </c>
      <c r="M30" s="2018">
        <v>34</v>
      </c>
      <c r="N30" s="2018">
        <v>37</v>
      </c>
    </row>
    <row r="31" spans="1:14" ht="14.15" customHeight="1" x14ac:dyDescent="0.25">
      <c r="A31" s="472" t="s">
        <v>798</v>
      </c>
      <c r="B31" s="2016">
        <v>359</v>
      </c>
      <c r="C31" s="216">
        <v>392</v>
      </c>
      <c r="D31" s="2017">
        <v>368</v>
      </c>
      <c r="E31" s="2018">
        <v>383</v>
      </c>
      <c r="F31" s="2018">
        <v>413</v>
      </c>
      <c r="G31" s="466">
        <v>419</v>
      </c>
      <c r="H31" s="2019">
        <v>392</v>
      </c>
      <c r="I31" s="2018">
        <v>397</v>
      </c>
      <c r="J31" s="2018">
        <v>378</v>
      </c>
      <c r="K31" s="2037">
        <v>751</v>
      </c>
      <c r="L31" s="2038">
        <v>832</v>
      </c>
      <c r="M31" s="2018">
        <v>1583</v>
      </c>
      <c r="N31" s="2018">
        <v>1592</v>
      </c>
    </row>
    <row r="32" spans="1:14" ht="14.15" customHeight="1" x14ac:dyDescent="0.25">
      <c r="A32" s="469"/>
      <c r="B32" s="2028"/>
      <c r="C32" s="222"/>
      <c r="D32" s="2029"/>
      <c r="E32" s="2030"/>
      <c r="F32" s="2030"/>
      <c r="G32" s="473"/>
      <c r="H32" s="2031"/>
      <c r="I32" s="2030"/>
      <c r="J32" s="2030"/>
      <c r="K32" s="2039"/>
      <c r="L32" s="2040"/>
      <c r="M32" s="2030"/>
      <c r="N32" s="2030"/>
    </row>
    <row r="33" spans="1:14" ht="14.15" customHeight="1" x14ac:dyDescent="0.25">
      <c r="A33" s="472" t="s">
        <v>255</v>
      </c>
      <c r="B33" s="2028"/>
      <c r="C33" s="222"/>
      <c r="D33" s="2029"/>
      <c r="E33" s="2030"/>
      <c r="F33" s="2030"/>
      <c r="G33" s="473"/>
      <c r="H33" s="2031"/>
      <c r="I33" s="2030"/>
      <c r="J33" s="2030"/>
      <c r="K33" s="2039"/>
      <c r="L33" s="2040"/>
      <c r="M33" s="2030"/>
      <c r="N33" s="2030"/>
    </row>
    <row r="34" spans="1:14" ht="14.15" customHeight="1" x14ac:dyDescent="0.25">
      <c r="A34" s="469" t="s">
        <v>223</v>
      </c>
      <c r="B34" s="2016">
        <v>1123</v>
      </c>
      <c r="C34" s="216">
        <v>1150</v>
      </c>
      <c r="D34" s="2034">
        <v>1126</v>
      </c>
      <c r="E34" s="2035">
        <v>1148</v>
      </c>
      <c r="F34" s="2035">
        <v>1200</v>
      </c>
      <c r="G34" s="216">
        <v>1269</v>
      </c>
      <c r="H34" s="2036">
        <v>1198</v>
      </c>
      <c r="I34" s="2035">
        <v>1187</v>
      </c>
      <c r="J34" s="2035">
        <v>1157</v>
      </c>
      <c r="K34" s="2037">
        <v>2273</v>
      </c>
      <c r="L34" s="2038">
        <v>2469</v>
      </c>
      <c r="M34" s="2035">
        <v>4743</v>
      </c>
      <c r="N34" s="2018">
        <v>4783</v>
      </c>
    </row>
    <row r="35" spans="1:14" ht="14.15" customHeight="1" x14ac:dyDescent="0.25">
      <c r="A35" s="469" t="s">
        <v>230</v>
      </c>
      <c r="B35" s="2016">
        <v>177</v>
      </c>
      <c r="C35" s="216">
        <v>173</v>
      </c>
      <c r="D35" s="2034">
        <v>163</v>
      </c>
      <c r="E35" s="2035">
        <v>164</v>
      </c>
      <c r="F35" s="2035">
        <v>158</v>
      </c>
      <c r="G35" s="216">
        <v>153</v>
      </c>
      <c r="H35" s="2036">
        <v>149</v>
      </c>
      <c r="I35" s="2035">
        <v>148</v>
      </c>
      <c r="J35" s="2035">
        <v>151</v>
      </c>
      <c r="K35" s="2037">
        <v>350</v>
      </c>
      <c r="L35" s="2038">
        <v>311</v>
      </c>
      <c r="M35" s="2035">
        <v>638</v>
      </c>
      <c r="N35" s="2018">
        <v>597</v>
      </c>
    </row>
    <row r="36" spans="1:14" ht="14.15" customHeight="1" x14ac:dyDescent="0.25">
      <c r="A36" s="475" t="s">
        <v>251</v>
      </c>
      <c r="B36" s="2016">
        <v>150</v>
      </c>
      <c r="C36" s="216">
        <v>146</v>
      </c>
      <c r="D36" s="2034">
        <v>137</v>
      </c>
      <c r="E36" s="2043">
        <v>140</v>
      </c>
      <c r="F36" s="2018">
        <v>132</v>
      </c>
      <c r="G36" s="466">
        <v>130</v>
      </c>
      <c r="H36" s="2019">
        <v>128</v>
      </c>
      <c r="I36" s="2018">
        <v>124</v>
      </c>
      <c r="J36" s="2018">
        <v>125</v>
      </c>
      <c r="K36" s="2037">
        <v>296</v>
      </c>
      <c r="L36" s="2038">
        <v>262</v>
      </c>
      <c r="M36" s="2018">
        <v>539</v>
      </c>
      <c r="N36" s="2018">
        <v>498</v>
      </c>
    </row>
    <row r="37" spans="1:14" ht="14.15" customHeight="1" x14ac:dyDescent="0.25">
      <c r="A37" s="475" t="s">
        <v>242</v>
      </c>
      <c r="B37" s="2016">
        <v>27</v>
      </c>
      <c r="C37" s="216">
        <v>27</v>
      </c>
      <c r="D37" s="2017">
        <v>26</v>
      </c>
      <c r="E37" s="2043">
        <v>24</v>
      </c>
      <c r="F37" s="2018">
        <v>26</v>
      </c>
      <c r="G37" s="466">
        <v>23</v>
      </c>
      <c r="H37" s="2019">
        <v>21</v>
      </c>
      <c r="I37" s="2018">
        <v>24</v>
      </c>
      <c r="J37" s="2018">
        <v>26</v>
      </c>
      <c r="K37" s="2037">
        <v>54</v>
      </c>
      <c r="L37" s="2038">
        <v>49</v>
      </c>
      <c r="M37" s="2018">
        <v>99</v>
      </c>
      <c r="N37" s="2018">
        <v>99</v>
      </c>
    </row>
    <row r="38" spans="1:14" ht="14.15" customHeight="1" x14ac:dyDescent="0.25">
      <c r="A38" s="476" t="s">
        <v>75</v>
      </c>
      <c r="B38" s="2045">
        <v>1300</v>
      </c>
      <c r="C38" s="477">
        <v>1323</v>
      </c>
      <c r="D38" s="2046">
        <v>1289</v>
      </c>
      <c r="E38" s="2047">
        <v>1312</v>
      </c>
      <c r="F38" s="2047">
        <v>1358</v>
      </c>
      <c r="G38" s="478">
        <v>1422</v>
      </c>
      <c r="H38" s="2048">
        <v>1347</v>
      </c>
      <c r="I38" s="2047">
        <v>1335</v>
      </c>
      <c r="J38" s="2047">
        <v>1308</v>
      </c>
      <c r="K38" s="2049">
        <v>2623</v>
      </c>
      <c r="L38" s="2050">
        <v>2780</v>
      </c>
      <c r="M38" s="2047">
        <v>5381</v>
      </c>
      <c r="N38" s="2047">
        <v>5380</v>
      </c>
    </row>
    <row r="39" spans="1:14" ht="14.15" customHeight="1" x14ac:dyDescent="0.25">
      <c r="A39" s="479" t="s">
        <v>231</v>
      </c>
      <c r="B39" s="2051"/>
      <c r="C39" s="480"/>
      <c r="D39" s="2052"/>
      <c r="E39" s="2053"/>
      <c r="F39" s="2053"/>
      <c r="G39" s="480"/>
      <c r="H39" s="2054"/>
      <c r="I39" s="2053"/>
      <c r="J39" s="2053"/>
      <c r="K39" s="2055"/>
      <c r="L39" s="2056"/>
      <c r="M39" s="2053"/>
      <c r="N39" s="2053"/>
    </row>
    <row r="40" spans="1:14" ht="14.15" customHeight="1" x14ac:dyDescent="0.25">
      <c r="A40" s="481" t="s">
        <v>173</v>
      </c>
      <c r="B40" s="2057"/>
      <c r="C40" s="482"/>
      <c r="D40" s="2058"/>
      <c r="E40" s="2059"/>
      <c r="F40" s="2059"/>
      <c r="G40" s="482"/>
      <c r="H40" s="2060"/>
      <c r="I40" s="2059"/>
      <c r="J40" s="2059"/>
      <c r="K40" s="2061"/>
      <c r="L40" s="2062"/>
      <c r="M40" s="2063"/>
      <c r="N40" s="2063"/>
    </row>
    <row r="41" spans="1:14" ht="14.15" customHeight="1" x14ac:dyDescent="0.25">
      <c r="A41" s="475" t="s">
        <v>618</v>
      </c>
      <c r="B41" s="2064">
        <v>14.8</v>
      </c>
      <c r="C41" s="235">
        <v>15.5</v>
      </c>
      <c r="D41" s="2065">
        <v>14.8</v>
      </c>
      <c r="E41" s="2066">
        <v>15.5</v>
      </c>
      <c r="F41" s="2066">
        <v>17.5</v>
      </c>
      <c r="G41" s="483">
        <v>17.2</v>
      </c>
      <c r="H41" s="2067">
        <v>16.3</v>
      </c>
      <c r="I41" s="2066">
        <v>16.5</v>
      </c>
      <c r="J41" s="2066">
        <v>16.399999999999999</v>
      </c>
      <c r="K41" s="2068">
        <v>15.2</v>
      </c>
      <c r="L41" s="2069">
        <v>17.399999999999999</v>
      </c>
      <c r="M41" s="2066">
        <v>16.2</v>
      </c>
      <c r="N41" s="2066">
        <v>16.7</v>
      </c>
    </row>
    <row r="42" spans="1:14" ht="14.15" customHeight="1" x14ac:dyDescent="0.25">
      <c r="A42" s="475" t="s">
        <v>619</v>
      </c>
      <c r="B42" s="2064">
        <v>63</v>
      </c>
      <c r="C42" s="235">
        <v>60.6</v>
      </c>
      <c r="D42" s="2065">
        <v>61.9</v>
      </c>
      <c r="E42" s="2066">
        <v>60.6</v>
      </c>
      <c r="F42" s="2066">
        <v>59.1</v>
      </c>
      <c r="G42" s="483">
        <v>60.6</v>
      </c>
      <c r="H42" s="2067">
        <v>61.1</v>
      </c>
      <c r="I42" s="2066">
        <v>60.9</v>
      </c>
      <c r="J42" s="2066">
        <v>61.3</v>
      </c>
      <c r="K42" s="2068">
        <v>61.8</v>
      </c>
      <c r="L42" s="2069">
        <v>59.9</v>
      </c>
      <c r="M42" s="2066">
        <v>60.6</v>
      </c>
      <c r="N42" s="2066">
        <v>60.5</v>
      </c>
    </row>
    <row r="43" spans="1:14" ht="14.15" customHeight="1" x14ac:dyDescent="0.25">
      <c r="A43" s="472" t="s">
        <v>620</v>
      </c>
      <c r="B43" s="2070"/>
      <c r="C43" s="240"/>
      <c r="D43" s="2071"/>
      <c r="E43" s="2072"/>
      <c r="F43" s="2072"/>
      <c r="G43" s="484"/>
      <c r="H43" s="2073"/>
      <c r="I43" s="2072"/>
      <c r="J43" s="2072"/>
      <c r="K43" s="2068"/>
      <c r="L43" s="2069"/>
      <c r="M43" s="2066"/>
      <c r="N43" s="2066"/>
    </row>
    <row r="44" spans="1:14" ht="14.15" customHeight="1" x14ac:dyDescent="0.25">
      <c r="A44" s="475" t="s">
        <v>82</v>
      </c>
      <c r="B44" s="2064">
        <v>15.1</v>
      </c>
      <c r="C44" s="235">
        <v>15.8</v>
      </c>
      <c r="D44" s="2065">
        <v>15</v>
      </c>
      <c r="E44" s="2066">
        <v>15.7</v>
      </c>
      <c r="F44" s="2066">
        <v>17.8</v>
      </c>
      <c r="G44" s="483">
        <v>17.5</v>
      </c>
      <c r="H44" s="2067">
        <v>16.600000000000001</v>
      </c>
      <c r="I44" s="2066">
        <v>16.8</v>
      </c>
      <c r="J44" s="2066">
        <v>16.7</v>
      </c>
      <c r="K44" s="2068">
        <v>15.5</v>
      </c>
      <c r="L44" s="2069">
        <v>17.600000000000001</v>
      </c>
      <c r="M44" s="2066">
        <v>16.5</v>
      </c>
      <c r="N44" s="2066">
        <v>17</v>
      </c>
    </row>
    <row r="45" spans="1:14" ht="14.15" customHeight="1" x14ac:dyDescent="0.25">
      <c r="A45" s="485" t="s">
        <v>81</v>
      </c>
      <c r="B45" s="2074">
        <v>62.3</v>
      </c>
      <c r="C45" s="243">
        <v>59.9</v>
      </c>
      <c r="D45" s="2075">
        <v>61.2</v>
      </c>
      <c r="E45" s="2076">
        <v>59.9</v>
      </c>
      <c r="F45" s="2076">
        <v>58.5</v>
      </c>
      <c r="G45" s="486">
        <v>60</v>
      </c>
      <c r="H45" s="2077">
        <v>60.5</v>
      </c>
      <c r="I45" s="2076">
        <v>60.2</v>
      </c>
      <c r="J45" s="2076">
        <v>60.6</v>
      </c>
      <c r="K45" s="2078">
        <v>61.1</v>
      </c>
      <c r="L45" s="2079">
        <v>59.2</v>
      </c>
      <c r="M45" s="2076">
        <v>59.9</v>
      </c>
      <c r="N45" s="2076">
        <v>59.8</v>
      </c>
    </row>
    <row r="46" spans="1:14" ht="14.15" customHeight="1" x14ac:dyDescent="0.25">
      <c r="A46" s="389" t="s">
        <v>774</v>
      </c>
      <c r="B46" s="2051"/>
      <c r="C46" s="480"/>
      <c r="D46" s="2052"/>
      <c r="E46" s="2053"/>
      <c r="F46" s="2053"/>
      <c r="G46" s="480"/>
      <c r="H46" s="2054"/>
      <c r="I46" s="2053"/>
      <c r="J46" s="2053"/>
      <c r="K46" s="2080"/>
      <c r="L46" s="2081"/>
      <c r="M46" s="2082"/>
      <c r="N46" s="2082"/>
    </row>
    <row r="47" spans="1:14" ht="14.15" customHeight="1" x14ac:dyDescent="0.25">
      <c r="A47" s="487" t="s">
        <v>576</v>
      </c>
      <c r="B47" s="2083">
        <v>23.5</v>
      </c>
      <c r="C47" s="488">
        <v>23.2</v>
      </c>
      <c r="D47" s="2084">
        <v>22.9</v>
      </c>
      <c r="E47" s="2085">
        <v>22.2</v>
      </c>
      <c r="F47" s="2085">
        <v>21.2</v>
      </c>
      <c r="G47" s="488">
        <v>20.100000000000001</v>
      </c>
      <c r="H47" s="2086">
        <v>19.100000000000001</v>
      </c>
      <c r="I47" s="2085">
        <v>18</v>
      </c>
      <c r="J47" s="2085">
        <v>16.8</v>
      </c>
      <c r="K47" s="2061">
        <v>23.3</v>
      </c>
      <c r="L47" s="2062">
        <v>20.6</v>
      </c>
      <c r="M47" s="2063">
        <v>21.6</v>
      </c>
      <c r="N47" s="2063">
        <v>17.399999999999999</v>
      </c>
    </row>
    <row r="48" spans="1:14" ht="14.15" customHeight="1" x14ac:dyDescent="0.25">
      <c r="A48" s="469" t="s">
        <v>577</v>
      </c>
      <c r="B48" s="2087">
        <v>10.600000000000001</v>
      </c>
      <c r="C48" s="248">
        <v>10.7</v>
      </c>
      <c r="D48" s="2088">
        <v>10.9</v>
      </c>
      <c r="E48" s="2089">
        <v>11.000000000000004</v>
      </c>
      <c r="F48" s="2089">
        <v>11.2</v>
      </c>
      <c r="G48" s="248">
        <v>11.4</v>
      </c>
      <c r="H48" s="2090">
        <v>11.4</v>
      </c>
      <c r="I48" s="2089">
        <v>11.5</v>
      </c>
      <c r="J48" s="2089">
        <v>11.599999999999998</v>
      </c>
      <c r="K48" s="2091">
        <v>10.7</v>
      </c>
      <c r="L48" s="2092">
        <v>11.299999999999997</v>
      </c>
      <c r="M48" s="2093">
        <v>11.1</v>
      </c>
      <c r="N48" s="2093">
        <v>11.6</v>
      </c>
    </row>
    <row r="49" spans="1:14" ht="14.15" customHeight="1" x14ac:dyDescent="0.25">
      <c r="A49" s="489" t="s">
        <v>578</v>
      </c>
      <c r="B49" s="2087">
        <v>34.1</v>
      </c>
      <c r="C49" s="248">
        <v>33.9</v>
      </c>
      <c r="D49" s="2088">
        <v>33.799999999999997</v>
      </c>
      <c r="E49" s="2089">
        <v>33.200000000000003</v>
      </c>
      <c r="F49" s="2089">
        <v>32.4</v>
      </c>
      <c r="G49" s="248">
        <v>31.5</v>
      </c>
      <c r="H49" s="2090">
        <v>30.5</v>
      </c>
      <c r="I49" s="2089">
        <v>29.5</v>
      </c>
      <c r="J49" s="2089">
        <v>28.4</v>
      </c>
      <c r="K49" s="2091">
        <v>34</v>
      </c>
      <c r="L49" s="2092">
        <v>31.9</v>
      </c>
      <c r="M49" s="2093">
        <v>32.700000000000003</v>
      </c>
      <c r="N49" s="2093">
        <v>29</v>
      </c>
    </row>
    <row r="50" spans="1:14" ht="14.15" customHeight="1" x14ac:dyDescent="0.25">
      <c r="A50" s="490" t="s">
        <v>579</v>
      </c>
      <c r="B50" s="2087">
        <v>18</v>
      </c>
      <c r="C50" s="248">
        <v>18.600000000000001</v>
      </c>
      <c r="D50" s="2088">
        <v>19.7</v>
      </c>
      <c r="E50" s="2089">
        <v>21.2</v>
      </c>
      <c r="F50" s="2089">
        <v>22</v>
      </c>
      <c r="G50" s="248">
        <v>21</v>
      </c>
      <c r="H50" s="2090">
        <v>19.5</v>
      </c>
      <c r="I50" s="2089">
        <v>19</v>
      </c>
      <c r="J50" s="2089">
        <v>18.899999999999999</v>
      </c>
      <c r="K50" s="2091">
        <v>18.3</v>
      </c>
      <c r="L50" s="2092">
        <v>21.5</v>
      </c>
      <c r="M50" s="2093">
        <v>21</v>
      </c>
      <c r="N50" s="2093">
        <v>18.899999999999999</v>
      </c>
    </row>
    <row r="51" spans="1:14" ht="14.15" customHeight="1" x14ac:dyDescent="0.25">
      <c r="A51" s="490" t="s">
        <v>580</v>
      </c>
      <c r="B51" s="2087">
        <v>16.3</v>
      </c>
      <c r="C51" s="248">
        <v>15.9</v>
      </c>
      <c r="D51" s="2088">
        <v>16.8</v>
      </c>
      <c r="E51" s="2089">
        <v>18.599999999999998</v>
      </c>
      <c r="F51" s="2089">
        <v>17.399999999999999</v>
      </c>
      <c r="G51" s="248">
        <v>18</v>
      </c>
      <c r="H51" s="2090">
        <v>19.2</v>
      </c>
      <c r="I51" s="2089">
        <v>18.799999999999997</v>
      </c>
      <c r="J51" s="2089">
        <v>17.899999999999999</v>
      </c>
      <c r="K51" s="2091">
        <v>16.100000000000001</v>
      </c>
      <c r="L51" s="2092">
        <v>17.7</v>
      </c>
      <c r="M51" s="2093">
        <v>17.7</v>
      </c>
      <c r="N51" s="2093">
        <v>18.100000000000001</v>
      </c>
    </row>
    <row r="52" spans="1:14" ht="14.15" customHeight="1" x14ac:dyDescent="0.25">
      <c r="A52" s="489" t="s">
        <v>581</v>
      </c>
      <c r="B52" s="2087">
        <v>34.299999999999997</v>
      </c>
      <c r="C52" s="248">
        <v>34.5</v>
      </c>
      <c r="D52" s="2088">
        <v>36.5</v>
      </c>
      <c r="E52" s="2089">
        <v>39.799999999999997</v>
      </c>
      <c r="F52" s="2089">
        <v>39.4</v>
      </c>
      <c r="G52" s="248">
        <v>39</v>
      </c>
      <c r="H52" s="2090">
        <v>38.700000000000003</v>
      </c>
      <c r="I52" s="2089">
        <v>37.799999999999997</v>
      </c>
      <c r="J52" s="2089">
        <v>36.799999999999997</v>
      </c>
      <c r="K52" s="2094">
        <v>34.400000000000006</v>
      </c>
      <c r="L52" s="2095">
        <v>39.200000000000003</v>
      </c>
      <c r="M52" s="2093">
        <v>38.700000000000003</v>
      </c>
      <c r="N52" s="2093">
        <v>37</v>
      </c>
    </row>
    <row r="53" spans="1:14" ht="14.15" customHeight="1" x14ac:dyDescent="0.25">
      <c r="A53" s="490" t="s">
        <v>582</v>
      </c>
      <c r="B53" s="2087">
        <v>7.1000000000000014</v>
      </c>
      <c r="C53" s="248">
        <v>7.2000000000000028</v>
      </c>
      <c r="D53" s="2088">
        <v>7.7</v>
      </c>
      <c r="E53" s="2089">
        <v>8.4</v>
      </c>
      <c r="F53" s="2089">
        <v>8.4</v>
      </c>
      <c r="G53" s="248">
        <v>8.5</v>
      </c>
      <c r="H53" s="2090">
        <v>8.5</v>
      </c>
      <c r="I53" s="2089">
        <v>8.2000000000000028</v>
      </c>
      <c r="J53" s="2089">
        <v>7.8000000000000043</v>
      </c>
      <c r="K53" s="2094">
        <v>7.1999999999999957</v>
      </c>
      <c r="L53" s="2095">
        <v>8.3999999999999986</v>
      </c>
      <c r="M53" s="2093">
        <v>8.1999999999999993</v>
      </c>
      <c r="N53" s="2093">
        <v>7.8999999999999986</v>
      </c>
    </row>
    <row r="54" spans="1:14" ht="14.15" customHeight="1" x14ac:dyDescent="0.25">
      <c r="A54" s="491" t="s">
        <v>583</v>
      </c>
      <c r="B54" s="2096">
        <v>41.4</v>
      </c>
      <c r="C54" s="252">
        <v>41.7</v>
      </c>
      <c r="D54" s="2097">
        <v>44.2</v>
      </c>
      <c r="E54" s="2098">
        <v>48.2</v>
      </c>
      <c r="F54" s="2098">
        <v>47.8</v>
      </c>
      <c r="G54" s="252">
        <v>47.5</v>
      </c>
      <c r="H54" s="2099">
        <v>47.2</v>
      </c>
      <c r="I54" s="2098">
        <v>46</v>
      </c>
      <c r="J54" s="2098">
        <v>44.6</v>
      </c>
      <c r="K54" s="2100">
        <v>41.6</v>
      </c>
      <c r="L54" s="2101">
        <v>47.6</v>
      </c>
      <c r="M54" s="2102">
        <v>46.9</v>
      </c>
      <c r="N54" s="2102">
        <v>44.9</v>
      </c>
    </row>
    <row r="55" spans="1:14" ht="14.15" customHeight="1" x14ac:dyDescent="0.25">
      <c r="A55" s="479" t="s">
        <v>696</v>
      </c>
      <c r="B55" s="2051"/>
      <c r="C55" s="480"/>
      <c r="D55" s="2052"/>
      <c r="E55" s="2053"/>
      <c r="F55" s="2053"/>
      <c r="G55" s="480"/>
      <c r="H55" s="2054"/>
      <c r="I55" s="2053"/>
      <c r="J55" s="2053"/>
      <c r="K55" s="2080"/>
      <c r="L55" s="2081"/>
      <c r="M55" s="2082"/>
      <c r="N55" s="2082"/>
    </row>
    <row r="56" spans="1:14" ht="14.15" customHeight="1" x14ac:dyDescent="0.25">
      <c r="A56" s="492" t="s">
        <v>256</v>
      </c>
      <c r="B56" s="2103"/>
      <c r="C56" s="493"/>
      <c r="D56" s="2104"/>
      <c r="E56" s="2105"/>
      <c r="F56" s="2105"/>
      <c r="G56" s="493"/>
      <c r="H56" s="2106"/>
      <c r="I56" s="2105"/>
      <c r="J56" s="2105"/>
      <c r="K56" s="2107"/>
      <c r="L56" s="2108"/>
      <c r="M56" s="2105"/>
      <c r="N56" s="2105"/>
    </row>
    <row r="57" spans="1:14" ht="14.15" customHeight="1" x14ac:dyDescent="0.25">
      <c r="A57" s="494" t="s">
        <v>223</v>
      </c>
      <c r="B57" s="2109">
        <v>487</v>
      </c>
      <c r="C57" s="495">
        <v>478</v>
      </c>
      <c r="D57" s="2110">
        <v>455</v>
      </c>
      <c r="E57" s="2111">
        <v>465</v>
      </c>
      <c r="F57" s="2111">
        <v>475</v>
      </c>
      <c r="G57" s="495">
        <v>490</v>
      </c>
      <c r="H57" s="2112">
        <v>488</v>
      </c>
      <c r="I57" s="2113">
        <v>475</v>
      </c>
      <c r="J57" s="2113">
        <v>461</v>
      </c>
      <c r="K57" s="2114">
        <v>487</v>
      </c>
      <c r="L57" s="2115">
        <v>475</v>
      </c>
      <c r="M57" s="2113">
        <v>455</v>
      </c>
      <c r="N57" s="2113">
        <v>488</v>
      </c>
    </row>
    <row r="58" spans="1:14" ht="14.15" customHeight="1" x14ac:dyDescent="0.25">
      <c r="A58" s="494" t="s">
        <v>230</v>
      </c>
      <c r="B58" s="2109">
        <v>137</v>
      </c>
      <c r="C58" s="495">
        <v>129</v>
      </c>
      <c r="D58" s="2110">
        <v>125</v>
      </c>
      <c r="E58" s="2111">
        <v>116</v>
      </c>
      <c r="F58" s="2111">
        <v>116</v>
      </c>
      <c r="G58" s="495">
        <v>111</v>
      </c>
      <c r="H58" s="2112">
        <v>109</v>
      </c>
      <c r="I58" s="2113">
        <v>107</v>
      </c>
      <c r="J58" s="2113">
        <v>106</v>
      </c>
      <c r="K58" s="2114">
        <v>137</v>
      </c>
      <c r="L58" s="2115">
        <v>116</v>
      </c>
      <c r="M58" s="2113">
        <v>125</v>
      </c>
      <c r="N58" s="2113">
        <v>109</v>
      </c>
    </row>
    <row r="59" spans="1:14" ht="14.15" customHeight="1" x14ac:dyDescent="0.25">
      <c r="A59" s="496" t="s">
        <v>251</v>
      </c>
      <c r="B59" s="2016">
        <v>128</v>
      </c>
      <c r="C59" s="216">
        <v>121</v>
      </c>
      <c r="D59" s="2017">
        <v>117</v>
      </c>
      <c r="E59" s="2018">
        <v>107</v>
      </c>
      <c r="F59" s="2018">
        <v>106</v>
      </c>
      <c r="G59" s="466">
        <v>101</v>
      </c>
      <c r="H59" s="2019">
        <v>99</v>
      </c>
      <c r="I59" s="2018">
        <v>96</v>
      </c>
      <c r="J59" s="2018">
        <v>93</v>
      </c>
      <c r="K59" s="2037">
        <v>128</v>
      </c>
      <c r="L59" s="2038">
        <v>106</v>
      </c>
      <c r="M59" s="2018">
        <v>117</v>
      </c>
      <c r="N59" s="2018">
        <v>99</v>
      </c>
    </row>
    <row r="60" spans="1:14" ht="14.15" customHeight="1" x14ac:dyDescent="0.25">
      <c r="A60" s="496" t="s">
        <v>242</v>
      </c>
      <c r="B60" s="2016">
        <v>9</v>
      </c>
      <c r="C60" s="216">
        <v>8</v>
      </c>
      <c r="D60" s="2017">
        <v>8</v>
      </c>
      <c r="E60" s="2018">
        <v>9</v>
      </c>
      <c r="F60" s="2018">
        <v>10</v>
      </c>
      <c r="G60" s="466">
        <v>10</v>
      </c>
      <c r="H60" s="2019">
        <v>10</v>
      </c>
      <c r="I60" s="2018">
        <v>11</v>
      </c>
      <c r="J60" s="2018">
        <v>13</v>
      </c>
      <c r="K60" s="2037">
        <v>9</v>
      </c>
      <c r="L60" s="2038">
        <v>10</v>
      </c>
      <c r="M60" s="2018">
        <v>8</v>
      </c>
      <c r="N60" s="2018">
        <v>10</v>
      </c>
    </row>
    <row r="61" spans="1:14" ht="14.15" customHeight="1" x14ac:dyDescent="0.25">
      <c r="A61" s="497" t="s">
        <v>257</v>
      </c>
      <c r="B61" s="2109">
        <v>624</v>
      </c>
      <c r="C61" s="495">
        <v>607</v>
      </c>
      <c r="D61" s="2110">
        <v>580</v>
      </c>
      <c r="E61" s="2111">
        <v>581</v>
      </c>
      <c r="F61" s="2111">
        <v>591</v>
      </c>
      <c r="G61" s="495">
        <v>601</v>
      </c>
      <c r="H61" s="2112">
        <v>597</v>
      </c>
      <c r="I61" s="2113">
        <v>582</v>
      </c>
      <c r="J61" s="2113">
        <v>567</v>
      </c>
      <c r="K61" s="2114">
        <v>624</v>
      </c>
      <c r="L61" s="2115">
        <v>591</v>
      </c>
      <c r="M61" s="2113">
        <v>580</v>
      </c>
      <c r="N61" s="2113">
        <v>597</v>
      </c>
    </row>
    <row r="62" spans="1:14" ht="14.15" customHeight="1" x14ac:dyDescent="0.25">
      <c r="A62" s="489" t="s">
        <v>258</v>
      </c>
      <c r="B62" s="2116"/>
      <c r="C62" s="498"/>
      <c r="D62" s="2117"/>
      <c r="E62" s="2118"/>
      <c r="F62" s="2118"/>
      <c r="G62" s="498"/>
      <c r="H62" s="2119"/>
      <c r="I62" s="2118"/>
      <c r="J62" s="2118"/>
      <c r="K62" s="2120"/>
      <c r="L62" s="2121"/>
      <c r="M62" s="2118"/>
      <c r="N62" s="2118"/>
    </row>
    <row r="63" spans="1:14" ht="14.15" customHeight="1" x14ac:dyDescent="0.25">
      <c r="A63" s="494" t="s">
        <v>223</v>
      </c>
      <c r="B63" s="2109">
        <v>296</v>
      </c>
      <c r="C63" s="495">
        <v>291</v>
      </c>
      <c r="D63" s="2110">
        <v>280</v>
      </c>
      <c r="E63" s="2111">
        <v>289</v>
      </c>
      <c r="F63" s="2111">
        <v>294</v>
      </c>
      <c r="G63" s="495">
        <v>313</v>
      </c>
      <c r="H63" s="2112">
        <v>315</v>
      </c>
      <c r="I63" s="2111">
        <v>307</v>
      </c>
      <c r="J63" s="2111">
        <v>292</v>
      </c>
      <c r="K63" s="2114">
        <v>296</v>
      </c>
      <c r="L63" s="2115">
        <v>294</v>
      </c>
      <c r="M63" s="2113">
        <v>280</v>
      </c>
      <c r="N63" s="2113">
        <v>315</v>
      </c>
    </row>
    <row r="64" spans="1:14" ht="14.15" customHeight="1" x14ac:dyDescent="0.25">
      <c r="A64" s="494" t="s">
        <v>230</v>
      </c>
      <c r="B64" s="2109">
        <v>34</v>
      </c>
      <c r="C64" s="499">
        <v>31</v>
      </c>
      <c r="D64" s="2122">
        <v>31</v>
      </c>
      <c r="E64" s="2113">
        <v>31</v>
      </c>
      <c r="F64" s="2113">
        <v>32</v>
      </c>
      <c r="G64" s="500">
        <v>32</v>
      </c>
      <c r="H64" s="2123">
        <v>31</v>
      </c>
      <c r="I64" s="2113">
        <v>34</v>
      </c>
      <c r="J64" s="2113">
        <v>37</v>
      </c>
      <c r="K64" s="2114">
        <v>34</v>
      </c>
      <c r="L64" s="2115">
        <v>32</v>
      </c>
      <c r="M64" s="2113">
        <v>31</v>
      </c>
      <c r="N64" s="2113">
        <v>31</v>
      </c>
    </row>
    <row r="65" spans="1:14" ht="14.15" customHeight="1" x14ac:dyDescent="0.25">
      <c r="A65" s="496" t="s">
        <v>251</v>
      </c>
      <c r="B65" s="2016">
        <v>25</v>
      </c>
      <c r="C65" s="216">
        <v>23</v>
      </c>
      <c r="D65" s="2017">
        <v>23</v>
      </c>
      <c r="E65" s="2018">
        <v>22</v>
      </c>
      <c r="F65" s="2018">
        <v>22</v>
      </c>
      <c r="G65" s="466">
        <v>22</v>
      </c>
      <c r="H65" s="2019">
        <v>21</v>
      </c>
      <c r="I65" s="2018">
        <v>23</v>
      </c>
      <c r="J65" s="2018">
        <v>24</v>
      </c>
      <c r="K65" s="2037">
        <v>25</v>
      </c>
      <c r="L65" s="2038">
        <v>22</v>
      </c>
      <c r="M65" s="2018">
        <v>23</v>
      </c>
      <c r="N65" s="2018">
        <v>21</v>
      </c>
    </row>
    <row r="66" spans="1:14" ht="14.15" customHeight="1" x14ac:dyDescent="0.25">
      <c r="A66" s="496" t="s">
        <v>242</v>
      </c>
      <c r="B66" s="2016">
        <v>9</v>
      </c>
      <c r="C66" s="216">
        <v>8</v>
      </c>
      <c r="D66" s="2017">
        <v>8</v>
      </c>
      <c r="E66" s="2018">
        <v>9</v>
      </c>
      <c r="F66" s="2018">
        <v>10</v>
      </c>
      <c r="G66" s="466">
        <v>10</v>
      </c>
      <c r="H66" s="2019">
        <v>10</v>
      </c>
      <c r="I66" s="2018">
        <v>11</v>
      </c>
      <c r="J66" s="2018">
        <v>13</v>
      </c>
      <c r="K66" s="2037">
        <v>9</v>
      </c>
      <c r="L66" s="2038">
        <v>10</v>
      </c>
      <c r="M66" s="2018">
        <v>8</v>
      </c>
      <c r="N66" s="2018">
        <v>10</v>
      </c>
    </row>
    <row r="67" spans="1:14" ht="14.15" customHeight="1" x14ac:dyDescent="0.25">
      <c r="A67" s="497" t="s">
        <v>259</v>
      </c>
      <c r="B67" s="2109">
        <v>330</v>
      </c>
      <c r="C67" s="499">
        <v>322</v>
      </c>
      <c r="D67" s="2122">
        <v>311</v>
      </c>
      <c r="E67" s="2113">
        <v>320</v>
      </c>
      <c r="F67" s="2113">
        <v>326</v>
      </c>
      <c r="G67" s="500">
        <v>345</v>
      </c>
      <c r="H67" s="2123">
        <v>346</v>
      </c>
      <c r="I67" s="2113">
        <v>341</v>
      </c>
      <c r="J67" s="2113">
        <v>329</v>
      </c>
      <c r="K67" s="2114">
        <v>330</v>
      </c>
      <c r="L67" s="2115">
        <v>326</v>
      </c>
      <c r="M67" s="2113">
        <v>311</v>
      </c>
      <c r="N67" s="2113">
        <v>346</v>
      </c>
    </row>
    <row r="68" spans="1:14" ht="14.15" customHeight="1" x14ac:dyDescent="0.35">
      <c r="A68" s="489" t="s">
        <v>639</v>
      </c>
      <c r="B68" s="2124"/>
      <c r="C68" s="501"/>
      <c r="D68" s="2125"/>
      <c r="E68" s="2126"/>
      <c r="F68" s="2126"/>
      <c r="G68" s="502"/>
      <c r="H68" s="2127"/>
      <c r="I68" s="2126"/>
      <c r="J68" s="2126"/>
      <c r="K68" s="2128"/>
      <c r="L68" s="2129"/>
      <c r="M68" s="503"/>
      <c r="N68" s="503"/>
    </row>
    <row r="69" spans="1:14" ht="14.15" customHeight="1" x14ac:dyDescent="0.35">
      <c r="A69" s="494" t="s">
        <v>260</v>
      </c>
      <c r="B69" s="2109">
        <v>6349</v>
      </c>
      <c r="C69" s="495">
        <v>6318</v>
      </c>
      <c r="D69" s="2122">
        <v>6608</v>
      </c>
      <c r="E69" s="2113">
        <v>6589</v>
      </c>
      <c r="F69" s="2113">
        <v>6380</v>
      </c>
      <c r="G69" s="260">
        <v>6281</v>
      </c>
      <c r="H69" s="2123">
        <v>6135</v>
      </c>
      <c r="I69" s="2113">
        <v>6136</v>
      </c>
      <c r="J69" s="2113">
        <v>5932</v>
      </c>
      <c r="K69" s="2130"/>
      <c r="L69" s="2131"/>
      <c r="M69" s="504"/>
      <c r="N69" s="504"/>
    </row>
    <row r="70" spans="1:14" ht="14.15" customHeight="1" x14ac:dyDescent="0.35">
      <c r="A70" s="494" t="s">
        <v>254</v>
      </c>
      <c r="B70" s="2109">
        <v>1428</v>
      </c>
      <c r="C70" s="495">
        <v>1413</v>
      </c>
      <c r="D70" s="2122">
        <v>1407</v>
      </c>
      <c r="E70" s="2113">
        <v>1343</v>
      </c>
      <c r="F70" s="2113">
        <v>1346</v>
      </c>
      <c r="G70" s="260">
        <v>1331</v>
      </c>
      <c r="H70" s="2123">
        <v>1301</v>
      </c>
      <c r="I70" s="2113">
        <v>1325</v>
      </c>
      <c r="J70" s="2113">
        <v>1233</v>
      </c>
      <c r="K70" s="2130"/>
      <c r="L70" s="2131"/>
      <c r="M70" s="504"/>
      <c r="N70" s="504"/>
    </row>
    <row r="71" spans="1:14" ht="14.15" customHeight="1" x14ac:dyDescent="0.35">
      <c r="A71" s="505" t="s">
        <v>253</v>
      </c>
      <c r="B71" s="2132">
        <v>7777</v>
      </c>
      <c r="C71" s="506">
        <v>7731</v>
      </c>
      <c r="D71" s="2133">
        <v>8015</v>
      </c>
      <c r="E71" s="2134">
        <v>7932</v>
      </c>
      <c r="F71" s="2134">
        <v>7726</v>
      </c>
      <c r="G71" s="266">
        <v>7612</v>
      </c>
      <c r="H71" s="2135">
        <v>7436</v>
      </c>
      <c r="I71" s="2134">
        <v>7461</v>
      </c>
      <c r="J71" s="2134">
        <v>7165</v>
      </c>
      <c r="K71" s="2136"/>
      <c r="L71" s="2137"/>
      <c r="M71" s="507"/>
      <c r="N71" s="507"/>
    </row>
    <row r="72" spans="1:14" ht="13.4" customHeight="1" x14ac:dyDescent="0.35">
      <c r="A72" s="508"/>
      <c r="B72" s="509"/>
      <c r="C72" s="509"/>
      <c r="D72" s="509"/>
      <c r="E72" s="509"/>
      <c r="F72" s="509"/>
      <c r="G72" s="509"/>
      <c r="H72" s="509"/>
      <c r="I72" s="509"/>
      <c r="J72" s="509"/>
      <c r="K72" s="510"/>
      <c r="L72" s="510"/>
      <c r="M72" s="510"/>
      <c r="N72" s="510"/>
    </row>
    <row r="73" spans="1:14" ht="13.4" customHeight="1" x14ac:dyDescent="0.25">
      <c r="A73" s="3186" t="s">
        <v>238</v>
      </c>
      <c r="B73" s="3186" t="s">
        <v>38</v>
      </c>
      <c r="C73" s="3186" t="s">
        <v>38</v>
      </c>
      <c r="D73" s="3186" t="s">
        <v>38</v>
      </c>
      <c r="E73" s="3186" t="s">
        <v>38</v>
      </c>
      <c r="F73" s="3186" t="s">
        <v>38</v>
      </c>
      <c r="G73" s="3186" t="s">
        <v>38</v>
      </c>
      <c r="H73" s="3186" t="s">
        <v>38</v>
      </c>
      <c r="I73" s="3186" t="s">
        <v>38</v>
      </c>
      <c r="J73" s="3186" t="s">
        <v>38</v>
      </c>
      <c r="K73" s="269"/>
      <c r="L73" s="269"/>
      <c r="M73" s="269"/>
      <c r="N73" s="269"/>
    </row>
    <row r="74" spans="1:14" ht="13.4" customHeight="1" x14ac:dyDescent="0.25">
      <c r="A74" s="3186" t="s">
        <v>777</v>
      </c>
      <c r="B74" s="3186" t="s">
        <v>38</v>
      </c>
      <c r="C74" s="3186" t="s">
        <v>38</v>
      </c>
      <c r="D74" s="3186" t="s">
        <v>38</v>
      </c>
      <c r="E74" s="3186" t="s">
        <v>38</v>
      </c>
      <c r="F74" s="3186" t="s">
        <v>38</v>
      </c>
      <c r="G74" s="3186" t="s">
        <v>38</v>
      </c>
      <c r="H74" s="3186" t="s">
        <v>38</v>
      </c>
      <c r="I74" s="3186" t="s">
        <v>38</v>
      </c>
      <c r="J74" s="3186" t="s">
        <v>38</v>
      </c>
      <c r="K74" s="269"/>
      <c r="L74" s="269"/>
      <c r="M74" s="269"/>
      <c r="N74" s="269"/>
    </row>
    <row r="75" spans="1:14" ht="13.4" customHeight="1" x14ac:dyDescent="0.25">
      <c r="A75" s="3186" t="s">
        <v>214</v>
      </c>
      <c r="B75" s="3186" t="s">
        <v>38</v>
      </c>
      <c r="C75" s="3186" t="s">
        <v>38</v>
      </c>
      <c r="D75" s="3186" t="s">
        <v>38</v>
      </c>
      <c r="E75" s="3186" t="s">
        <v>38</v>
      </c>
      <c r="F75" s="3186" t="s">
        <v>38</v>
      </c>
      <c r="G75" s="3186" t="s">
        <v>38</v>
      </c>
      <c r="H75" s="3186" t="s">
        <v>38</v>
      </c>
      <c r="I75" s="3186" t="s">
        <v>38</v>
      </c>
      <c r="J75" s="3186" t="s">
        <v>38</v>
      </c>
      <c r="K75" s="269"/>
      <c r="L75" s="269"/>
      <c r="M75" s="269"/>
      <c r="N75" s="269"/>
    </row>
    <row r="76" spans="1:14" ht="13.4" customHeight="1" x14ac:dyDescent="0.25">
      <c r="A76" s="3186" t="s">
        <v>588</v>
      </c>
      <c r="B76" s="3186" t="s">
        <v>38</v>
      </c>
      <c r="C76" s="3186" t="s">
        <v>38</v>
      </c>
      <c r="D76" s="3186" t="s">
        <v>38</v>
      </c>
      <c r="E76" s="3186" t="s">
        <v>38</v>
      </c>
      <c r="F76" s="3186" t="s">
        <v>38</v>
      </c>
      <c r="G76" s="3186" t="s">
        <v>38</v>
      </c>
      <c r="H76" s="3186" t="s">
        <v>38</v>
      </c>
      <c r="I76" s="3186" t="s">
        <v>38</v>
      </c>
      <c r="J76" s="3186" t="s">
        <v>38</v>
      </c>
      <c r="K76" s="269"/>
      <c r="L76" s="269"/>
      <c r="M76" s="269"/>
      <c r="N76" s="269"/>
    </row>
    <row r="77" spans="1:14" ht="10.4" customHeight="1" x14ac:dyDescent="0.25">
      <c r="A77" s="3168"/>
      <c r="B77" s="3168" t="s">
        <v>38</v>
      </c>
      <c r="C77" s="3168" t="s">
        <v>38</v>
      </c>
      <c r="D77" s="3168" t="s">
        <v>38</v>
      </c>
      <c r="E77" s="3168" t="s">
        <v>38</v>
      </c>
      <c r="F77" s="3168" t="s">
        <v>38</v>
      </c>
      <c r="G77" s="3168" t="s">
        <v>38</v>
      </c>
      <c r="H77" s="3168" t="s">
        <v>38</v>
      </c>
      <c r="I77" s="3168" t="s">
        <v>38</v>
      </c>
      <c r="J77" s="3168" t="s">
        <v>38</v>
      </c>
      <c r="K77" s="269"/>
      <c r="L77" s="269"/>
      <c r="M77" s="269"/>
      <c r="N77" s="269"/>
    </row>
    <row r="78" spans="1:14" ht="10.4" customHeight="1" x14ac:dyDescent="0.25">
      <c r="A78" s="511"/>
      <c r="B78" s="512"/>
      <c r="C78" s="512"/>
      <c r="D78" s="512"/>
      <c r="E78" s="512"/>
      <c r="F78" s="512"/>
      <c r="G78" s="512"/>
      <c r="H78" s="512"/>
      <c r="I78" s="512"/>
      <c r="J78" s="512"/>
      <c r="K78" s="269"/>
      <c r="L78" s="269"/>
      <c r="M78" s="269"/>
      <c r="N78" s="269"/>
    </row>
  </sheetData>
  <mergeCells count="11">
    <mergeCell ref="A2:N2"/>
    <mergeCell ref="B3:C3"/>
    <mergeCell ref="D3:G3"/>
    <mergeCell ref="H3:J3"/>
    <mergeCell ref="K3:L3"/>
    <mergeCell ref="M3:N3"/>
    <mergeCell ref="A73:J73"/>
    <mergeCell ref="A74:J74"/>
    <mergeCell ref="A75:J75"/>
    <mergeCell ref="A76:J76"/>
    <mergeCell ref="A77:J77"/>
  </mergeCells>
  <hyperlinks>
    <hyperlink ref="A1" location="TDM!A1" display="Retour à la table des matières" xr:uid="{00000000-0004-0000-0C00-000000000000}"/>
  </hyperlinks>
  <printOptions horizontalCentered="1"/>
  <pageMargins left="0.51181102362204722" right="0.51181102362204722" top="0.51181102362204722" bottom="0.51181102362204722" header="0.23622047244094491" footer="0.23622047244094491"/>
  <pageSetup scale="42" orientation="landscape" r:id="rId1"/>
  <headerFooter>
    <oddFooter>&amp;L&amp;G&amp;C&amp;"Scotia,Regular"&amp;9Informations financières supplémentaires (IFS)&amp;R&amp;"Scotia,Regular"&amp;9&amp;A</oddFooter>
  </headerFooter>
  <legacyDrawingHF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475AA4-BE59-47E0-A9F1-D0C3B8782FEA}">
  <sheetPr>
    <pageSetUpPr fitToPage="1"/>
  </sheetPr>
  <dimension ref="A1:N64"/>
  <sheetViews>
    <sheetView showGridLines="0" zoomScale="80" zoomScaleNormal="80" workbookViewId="0"/>
  </sheetViews>
  <sheetFormatPr defaultColWidth="8.7265625" defaultRowHeight="12.5" x14ac:dyDescent="0.25"/>
  <cols>
    <col min="1" max="1" width="115.7265625" style="25" customWidth="1"/>
    <col min="2" max="14" width="10.7265625" style="25" customWidth="1"/>
    <col min="15" max="16384" width="8.7265625" style="25"/>
  </cols>
  <sheetData>
    <row r="1" spans="1:14" ht="20.149999999999999" customHeight="1" x14ac:dyDescent="0.25">
      <c r="A1" s="24" t="s">
        <v>37</v>
      </c>
    </row>
    <row r="2" spans="1:14" ht="24.65" customHeight="1" x14ac:dyDescent="0.25">
      <c r="A2" s="3196" t="s">
        <v>261</v>
      </c>
      <c r="B2" s="3196" t="s">
        <v>38</v>
      </c>
      <c r="C2" s="3196" t="s">
        <v>38</v>
      </c>
      <c r="D2" s="3196" t="s">
        <v>38</v>
      </c>
      <c r="E2" s="3196" t="s">
        <v>38</v>
      </c>
      <c r="F2" s="3196" t="s">
        <v>38</v>
      </c>
      <c r="G2" s="3196" t="s">
        <v>38</v>
      </c>
      <c r="H2" s="3196" t="s">
        <v>38</v>
      </c>
      <c r="I2" s="3196" t="s">
        <v>38</v>
      </c>
      <c r="J2" s="3196" t="s">
        <v>38</v>
      </c>
      <c r="K2" s="3196" t="s">
        <v>38</v>
      </c>
      <c r="L2" s="3196" t="s">
        <v>38</v>
      </c>
      <c r="M2" s="3196" t="s">
        <v>38</v>
      </c>
      <c r="N2" s="3196" t="s">
        <v>38</v>
      </c>
    </row>
    <row r="3" spans="1:14" ht="14.15" customHeight="1" x14ac:dyDescent="0.25">
      <c r="A3" s="513"/>
      <c r="B3" s="3197" t="s">
        <v>174</v>
      </c>
      <c r="C3" s="3198" t="s">
        <v>38</v>
      </c>
      <c r="D3" s="3199">
        <v>2022</v>
      </c>
      <c r="E3" s="3200" t="s">
        <v>38</v>
      </c>
      <c r="F3" s="3200" t="s">
        <v>38</v>
      </c>
      <c r="G3" s="3201" t="s">
        <v>38</v>
      </c>
      <c r="H3" s="3202">
        <v>2021</v>
      </c>
      <c r="I3" s="3200" t="s">
        <v>38</v>
      </c>
      <c r="J3" s="3200" t="s">
        <v>38</v>
      </c>
      <c r="K3" s="3193" t="s">
        <v>716</v>
      </c>
      <c r="L3" s="3194" t="s">
        <v>38</v>
      </c>
      <c r="M3" s="3203" t="s">
        <v>717</v>
      </c>
      <c r="N3" s="3203" t="s">
        <v>38</v>
      </c>
    </row>
    <row r="4" spans="1:14" ht="14.15" customHeight="1" x14ac:dyDescent="0.25">
      <c r="A4" s="514"/>
      <c r="B4" s="515" t="s">
        <v>49</v>
      </c>
      <c r="C4" s="516" t="s">
        <v>45</v>
      </c>
      <c r="D4" s="517" t="s">
        <v>569</v>
      </c>
      <c r="E4" s="518" t="s">
        <v>570</v>
      </c>
      <c r="F4" s="518" t="s">
        <v>49</v>
      </c>
      <c r="G4" s="519" t="s">
        <v>45</v>
      </c>
      <c r="H4" s="520" t="s">
        <v>569</v>
      </c>
      <c r="I4" s="518" t="s">
        <v>570</v>
      </c>
      <c r="J4" s="518" t="s">
        <v>49</v>
      </c>
      <c r="K4" s="521">
        <v>2023</v>
      </c>
      <c r="L4" s="522">
        <v>2022</v>
      </c>
      <c r="M4" s="523">
        <v>2022</v>
      </c>
      <c r="N4" s="523">
        <v>2021</v>
      </c>
    </row>
    <row r="5" spans="1:14" ht="14.15" customHeight="1" x14ac:dyDescent="0.25">
      <c r="A5" s="377" t="s">
        <v>781</v>
      </c>
      <c r="B5" s="524"/>
      <c r="C5" s="525"/>
      <c r="D5" s="526"/>
      <c r="E5" s="527"/>
      <c r="F5" s="527"/>
      <c r="G5" s="528"/>
      <c r="H5" s="529"/>
      <c r="I5" s="527"/>
      <c r="J5" s="527"/>
      <c r="K5" s="530"/>
      <c r="L5" s="531"/>
      <c r="M5" s="532"/>
      <c r="N5" s="532"/>
    </row>
    <row r="6" spans="1:14" ht="14.15" customHeight="1" x14ac:dyDescent="0.25">
      <c r="A6" s="533" t="s">
        <v>216</v>
      </c>
      <c r="B6" s="536">
        <v>384</v>
      </c>
      <c r="C6" s="557">
        <v>454</v>
      </c>
      <c r="D6" s="537">
        <v>492</v>
      </c>
      <c r="E6" s="538">
        <v>405</v>
      </c>
      <c r="F6" s="538">
        <v>360</v>
      </c>
      <c r="G6" s="539">
        <v>373</v>
      </c>
      <c r="H6" s="537">
        <v>365</v>
      </c>
      <c r="I6" s="538">
        <v>363</v>
      </c>
      <c r="J6" s="538">
        <v>350</v>
      </c>
      <c r="K6" s="540">
        <v>838</v>
      </c>
      <c r="L6" s="541">
        <v>733</v>
      </c>
      <c r="M6" s="538">
        <v>1630</v>
      </c>
      <c r="N6" s="538">
        <v>1436</v>
      </c>
    </row>
    <row r="7" spans="1:14" ht="14.15" customHeight="1" x14ac:dyDescent="0.25">
      <c r="A7" s="534" t="s">
        <v>212</v>
      </c>
      <c r="B7" s="2138">
        <v>968</v>
      </c>
      <c r="C7" s="2139">
        <v>1049</v>
      </c>
      <c r="D7" s="2140">
        <v>862</v>
      </c>
      <c r="E7" s="2141">
        <v>747</v>
      </c>
      <c r="F7" s="2141">
        <v>902</v>
      </c>
      <c r="G7" s="2142">
        <v>1031</v>
      </c>
      <c r="H7" s="2140">
        <v>812</v>
      </c>
      <c r="I7" s="2141">
        <v>890</v>
      </c>
      <c r="J7" s="2141">
        <v>907</v>
      </c>
      <c r="K7" s="2143">
        <v>2017</v>
      </c>
      <c r="L7" s="2144">
        <v>1933</v>
      </c>
      <c r="M7" s="2141">
        <v>3542</v>
      </c>
      <c r="N7" s="2141">
        <v>3587</v>
      </c>
    </row>
    <row r="8" spans="1:14" ht="14.15" customHeight="1" x14ac:dyDescent="0.25">
      <c r="A8" s="535" t="s">
        <v>211</v>
      </c>
      <c r="B8" s="536">
        <v>545</v>
      </c>
      <c r="C8" s="2145">
        <v>383</v>
      </c>
      <c r="D8" s="537">
        <v>454</v>
      </c>
      <c r="E8" s="538">
        <v>336</v>
      </c>
      <c r="F8" s="538">
        <v>372</v>
      </c>
      <c r="G8" s="539">
        <v>416</v>
      </c>
      <c r="H8" s="537">
        <v>395</v>
      </c>
      <c r="I8" s="538">
        <v>460</v>
      </c>
      <c r="J8" s="538">
        <v>474</v>
      </c>
      <c r="K8" s="540">
        <v>928</v>
      </c>
      <c r="L8" s="541">
        <v>788</v>
      </c>
      <c r="M8" s="538">
        <v>1578</v>
      </c>
      <c r="N8" s="538">
        <v>1761</v>
      </c>
    </row>
    <row r="9" spans="1:14" ht="14.15" customHeight="1" x14ac:dyDescent="0.25">
      <c r="A9" s="535" t="s">
        <v>94</v>
      </c>
      <c r="B9" s="536">
        <v>423</v>
      </c>
      <c r="C9" s="2145">
        <v>666</v>
      </c>
      <c r="D9" s="537">
        <v>408</v>
      </c>
      <c r="E9" s="538">
        <v>411</v>
      </c>
      <c r="F9" s="538">
        <v>530</v>
      </c>
      <c r="G9" s="539">
        <v>615</v>
      </c>
      <c r="H9" s="537">
        <v>417</v>
      </c>
      <c r="I9" s="538">
        <v>430</v>
      </c>
      <c r="J9" s="538">
        <v>433</v>
      </c>
      <c r="K9" s="540">
        <v>1089</v>
      </c>
      <c r="L9" s="541">
        <v>1145</v>
      </c>
      <c r="M9" s="538">
        <v>1964</v>
      </c>
      <c r="N9" s="538">
        <v>1826</v>
      </c>
    </row>
    <row r="10" spans="1:14" ht="14.15" customHeight="1" x14ac:dyDescent="0.25">
      <c r="A10" s="542" t="s">
        <v>75</v>
      </c>
      <c r="B10" s="2146">
        <v>1352</v>
      </c>
      <c r="C10" s="2147">
        <v>1503</v>
      </c>
      <c r="D10" s="543">
        <v>1354</v>
      </c>
      <c r="E10" s="2148">
        <v>1152</v>
      </c>
      <c r="F10" s="2148">
        <v>1262</v>
      </c>
      <c r="G10" s="544">
        <v>1404</v>
      </c>
      <c r="H10" s="2149">
        <v>1177</v>
      </c>
      <c r="I10" s="2148">
        <v>1253</v>
      </c>
      <c r="J10" s="2148">
        <v>1257</v>
      </c>
      <c r="K10" s="2150">
        <v>2855</v>
      </c>
      <c r="L10" s="2151">
        <v>2666</v>
      </c>
      <c r="M10" s="2148">
        <v>5172</v>
      </c>
      <c r="N10" s="2148">
        <v>5023</v>
      </c>
    </row>
    <row r="11" spans="1:14" ht="14.15" customHeight="1" x14ac:dyDescent="0.25">
      <c r="A11" s="545" t="s">
        <v>93</v>
      </c>
      <c r="B11" s="2146">
        <v>53</v>
      </c>
      <c r="C11" s="2147">
        <v>15</v>
      </c>
      <c r="D11" s="543">
        <v>11</v>
      </c>
      <c r="E11" s="2148">
        <v>-15</v>
      </c>
      <c r="F11" s="2148">
        <v>-46</v>
      </c>
      <c r="G11" s="544">
        <v>-16</v>
      </c>
      <c r="H11" s="2149">
        <v>-50</v>
      </c>
      <c r="I11" s="2148">
        <v>-27</v>
      </c>
      <c r="J11" s="2148">
        <v>-43</v>
      </c>
      <c r="K11" s="2150">
        <v>68</v>
      </c>
      <c r="L11" s="2151">
        <v>-62</v>
      </c>
      <c r="M11" s="2148">
        <v>-66</v>
      </c>
      <c r="N11" s="2148">
        <v>-100</v>
      </c>
    </row>
    <row r="12" spans="1:14" ht="14.15" customHeight="1" x14ac:dyDescent="0.25">
      <c r="A12" s="546" t="s">
        <v>57</v>
      </c>
      <c r="B12" s="547">
        <v>752</v>
      </c>
      <c r="C12" s="548">
        <v>773</v>
      </c>
      <c r="D12" s="549">
        <v>696</v>
      </c>
      <c r="E12" s="550">
        <v>655</v>
      </c>
      <c r="F12" s="550">
        <v>653</v>
      </c>
      <c r="G12" s="551">
        <v>670</v>
      </c>
      <c r="H12" s="549">
        <v>591</v>
      </c>
      <c r="I12" s="550">
        <v>620</v>
      </c>
      <c r="J12" s="550">
        <v>633</v>
      </c>
      <c r="K12" s="552">
        <v>1525</v>
      </c>
      <c r="L12" s="553">
        <v>1323</v>
      </c>
      <c r="M12" s="550">
        <v>2674</v>
      </c>
      <c r="N12" s="550">
        <v>2458</v>
      </c>
    </row>
    <row r="13" spans="1:14" ht="14.15" customHeight="1" x14ac:dyDescent="0.25">
      <c r="A13" s="554" t="s">
        <v>56</v>
      </c>
      <c r="B13" s="2152">
        <v>547</v>
      </c>
      <c r="C13" s="2153">
        <v>715</v>
      </c>
      <c r="D13" s="464">
        <v>647</v>
      </c>
      <c r="E13" s="2154">
        <v>512</v>
      </c>
      <c r="F13" s="2154">
        <v>655</v>
      </c>
      <c r="G13" s="466">
        <v>750</v>
      </c>
      <c r="H13" s="2155">
        <v>636</v>
      </c>
      <c r="I13" s="2154">
        <v>660</v>
      </c>
      <c r="J13" s="2154">
        <v>667</v>
      </c>
      <c r="K13" s="2156">
        <v>1262</v>
      </c>
      <c r="L13" s="2157">
        <v>1405</v>
      </c>
      <c r="M13" s="2154">
        <v>2564</v>
      </c>
      <c r="N13" s="2154">
        <v>2665</v>
      </c>
    </row>
    <row r="14" spans="1:14" ht="14.15" customHeight="1" x14ac:dyDescent="0.25">
      <c r="A14" s="555" t="s">
        <v>74</v>
      </c>
      <c r="B14" s="2152">
        <v>146</v>
      </c>
      <c r="C14" s="2153">
        <v>196</v>
      </c>
      <c r="D14" s="464">
        <v>163</v>
      </c>
      <c r="E14" s="2154">
        <v>134</v>
      </c>
      <c r="F14" s="2154">
        <v>167</v>
      </c>
      <c r="G14" s="466">
        <v>189</v>
      </c>
      <c r="H14" s="2155">
        <v>134</v>
      </c>
      <c r="I14" s="2154">
        <v>147</v>
      </c>
      <c r="J14" s="2154">
        <v>150</v>
      </c>
      <c r="K14" s="2156">
        <v>342</v>
      </c>
      <c r="L14" s="2157">
        <v>356</v>
      </c>
      <c r="M14" s="2154">
        <v>653</v>
      </c>
      <c r="N14" s="2154">
        <v>590</v>
      </c>
    </row>
    <row r="15" spans="1:14" ht="14.15" customHeight="1" x14ac:dyDescent="0.25">
      <c r="A15" s="554" t="s">
        <v>72</v>
      </c>
      <c r="B15" s="2152">
        <v>401</v>
      </c>
      <c r="C15" s="2153">
        <v>519</v>
      </c>
      <c r="D15" s="464">
        <v>484</v>
      </c>
      <c r="E15" s="2154">
        <v>378</v>
      </c>
      <c r="F15" s="2154">
        <v>488</v>
      </c>
      <c r="G15" s="466">
        <v>561</v>
      </c>
      <c r="H15" s="2155">
        <v>502</v>
      </c>
      <c r="I15" s="2154">
        <v>513</v>
      </c>
      <c r="J15" s="2154">
        <v>517</v>
      </c>
      <c r="K15" s="2156">
        <v>920</v>
      </c>
      <c r="L15" s="2157">
        <v>1049</v>
      </c>
      <c r="M15" s="2154">
        <v>1911</v>
      </c>
      <c r="N15" s="2154">
        <v>2075</v>
      </c>
    </row>
    <row r="16" spans="1:14" ht="14.15" customHeight="1" x14ac:dyDescent="0.25">
      <c r="A16" s="554"/>
      <c r="B16" s="2152"/>
      <c r="C16" s="2153"/>
      <c r="D16" s="464"/>
      <c r="E16" s="2154"/>
      <c r="F16" s="2154"/>
      <c r="G16" s="466"/>
      <c r="H16" s="2155"/>
      <c r="I16" s="2154"/>
      <c r="J16" s="2154"/>
      <c r="K16" s="2156"/>
      <c r="L16" s="2157"/>
      <c r="M16" s="2154"/>
      <c r="N16" s="2154"/>
    </row>
    <row r="17" spans="1:14" ht="14.15" customHeight="1" x14ac:dyDescent="0.25">
      <c r="A17" s="388" t="s">
        <v>783</v>
      </c>
      <c r="B17" s="2152">
        <v>401</v>
      </c>
      <c r="C17" s="2153">
        <v>519</v>
      </c>
      <c r="D17" s="464">
        <v>484</v>
      </c>
      <c r="E17" s="2154">
        <v>378</v>
      </c>
      <c r="F17" s="2154">
        <v>488</v>
      </c>
      <c r="G17" s="466">
        <v>561</v>
      </c>
      <c r="H17" s="2155">
        <v>502</v>
      </c>
      <c r="I17" s="2154">
        <v>513</v>
      </c>
      <c r="J17" s="2154">
        <v>517</v>
      </c>
      <c r="K17" s="2156">
        <v>920</v>
      </c>
      <c r="L17" s="2157">
        <v>1049</v>
      </c>
      <c r="M17" s="2154">
        <v>1911</v>
      </c>
      <c r="N17" s="2154">
        <v>2075</v>
      </c>
    </row>
    <row r="18" spans="1:14" ht="14.15" customHeight="1" x14ac:dyDescent="0.25">
      <c r="A18" s="554"/>
      <c r="B18" s="2152"/>
      <c r="C18" s="2153"/>
      <c r="D18" s="464"/>
      <c r="E18" s="2154"/>
      <c r="F18" s="2154"/>
      <c r="G18" s="466"/>
      <c r="H18" s="2155"/>
      <c r="I18" s="2154"/>
      <c r="J18" s="2154"/>
      <c r="K18" s="2156"/>
      <c r="L18" s="2157"/>
      <c r="M18" s="2154"/>
      <c r="N18" s="2154"/>
    </row>
    <row r="19" spans="1:14" ht="14.15" customHeight="1" x14ac:dyDescent="0.25">
      <c r="A19" s="555"/>
      <c r="B19" s="2152"/>
      <c r="C19" s="2153"/>
      <c r="D19" s="464"/>
      <c r="E19" s="2154"/>
      <c r="F19" s="2154"/>
      <c r="G19" s="466"/>
      <c r="H19" s="2155"/>
      <c r="I19" s="2154"/>
      <c r="J19" s="2154"/>
      <c r="K19" s="2158"/>
      <c r="L19" s="2157"/>
      <c r="M19" s="2154"/>
      <c r="N19" s="2154"/>
    </row>
    <row r="20" spans="1:14" ht="14.15" customHeight="1" x14ac:dyDescent="0.25">
      <c r="A20" s="554" t="s">
        <v>262</v>
      </c>
      <c r="B20" s="2152"/>
      <c r="C20" s="2153"/>
      <c r="D20" s="464"/>
      <c r="E20" s="2154"/>
      <c r="F20" s="2154"/>
      <c r="G20" s="466"/>
      <c r="H20" s="2155"/>
      <c r="I20" s="2154"/>
      <c r="J20" s="2154"/>
      <c r="K20" s="2156"/>
      <c r="L20" s="2157"/>
      <c r="M20" s="2154"/>
      <c r="N20" s="2154"/>
    </row>
    <row r="21" spans="1:14" ht="14.15" customHeight="1" x14ac:dyDescent="0.25">
      <c r="A21" s="556" t="s">
        <v>244</v>
      </c>
      <c r="B21" s="536">
        <v>798</v>
      </c>
      <c r="C21" s="557">
        <v>802</v>
      </c>
      <c r="D21" s="558">
        <v>850</v>
      </c>
      <c r="E21" s="559">
        <v>729</v>
      </c>
      <c r="F21" s="559">
        <v>708</v>
      </c>
      <c r="G21" s="557">
        <v>668</v>
      </c>
      <c r="H21" s="558">
        <v>622</v>
      </c>
      <c r="I21" s="559">
        <v>649</v>
      </c>
      <c r="J21" s="559">
        <v>620</v>
      </c>
      <c r="K21" s="560">
        <v>1600</v>
      </c>
      <c r="L21" s="561">
        <v>1376</v>
      </c>
      <c r="M21" s="559">
        <v>2955</v>
      </c>
      <c r="N21" s="538">
        <v>2518</v>
      </c>
    </row>
    <row r="22" spans="1:14" ht="14.15" customHeight="1" x14ac:dyDescent="0.25">
      <c r="A22" s="562" t="s">
        <v>243</v>
      </c>
      <c r="B22" s="2159">
        <v>554</v>
      </c>
      <c r="C22" s="2160">
        <v>701</v>
      </c>
      <c r="D22" s="563">
        <v>504</v>
      </c>
      <c r="E22" s="2161">
        <v>423</v>
      </c>
      <c r="F22" s="2161">
        <v>554</v>
      </c>
      <c r="G22" s="564">
        <v>736</v>
      </c>
      <c r="H22" s="2162">
        <v>555</v>
      </c>
      <c r="I22" s="2161">
        <v>604</v>
      </c>
      <c r="J22" s="2161">
        <v>637</v>
      </c>
      <c r="K22" s="2163">
        <v>1255</v>
      </c>
      <c r="L22" s="2164">
        <v>1290</v>
      </c>
      <c r="M22" s="2161">
        <v>2217</v>
      </c>
      <c r="N22" s="2161">
        <v>2505</v>
      </c>
    </row>
    <row r="23" spans="1:14" ht="14.15" customHeight="1" x14ac:dyDescent="0.25">
      <c r="A23" s="565" t="s">
        <v>75</v>
      </c>
      <c r="B23" s="2159">
        <v>1352</v>
      </c>
      <c r="C23" s="2160">
        <v>1503</v>
      </c>
      <c r="D23" s="563">
        <v>1354</v>
      </c>
      <c r="E23" s="2161">
        <v>1152</v>
      </c>
      <c r="F23" s="2161">
        <v>1262</v>
      </c>
      <c r="G23" s="564">
        <v>1404</v>
      </c>
      <c r="H23" s="2162">
        <v>1177</v>
      </c>
      <c r="I23" s="2161">
        <v>1253</v>
      </c>
      <c r="J23" s="2161">
        <v>1257</v>
      </c>
      <c r="K23" s="2163">
        <v>2855</v>
      </c>
      <c r="L23" s="2164">
        <v>2666</v>
      </c>
      <c r="M23" s="2161">
        <v>5172</v>
      </c>
      <c r="N23" s="2161">
        <v>5023</v>
      </c>
    </row>
    <row r="24" spans="1:14" ht="14.15" customHeight="1" x14ac:dyDescent="0.25">
      <c r="A24" s="565"/>
      <c r="B24" s="2159"/>
      <c r="C24" s="2160"/>
      <c r="D24" s="563"/>
      <c r="E24" s="2161"/>
      <c r="F24" s="2161"/>
      <c r="G24" s="564"/>
      <c r="H24" s="2162"/>
      <c r="I24" s="2161"/>
      <c r="J24" s="2161"/>
      <c r="K24" s="2163"/>
      <c r="L24" s="2164"/>
      <c r="M24" s="2161"/>
      <c r="N24" s="2161"/>
    </row>
    <row r="25" spans="1:14" ht="14.15" customHeight="1" x14ac:dyDescent="0.25">
      <c r="A25" s="565" t="s">
        <v>263</v>
      </c>
      <c r="B25" s="2159"/>
      <c r="C25" s="2160"/>
      <c r="D25" s="563"/>
      <c r="E25" s="2161"/>
      <c r="F25" s="2161"/>
      <c r="G25" s="564"/>
      <c r="H25" s="2162"/>
      <c r="I25" s="2161"/>
      <c r="J25" s="2161"/>
      <c r="K25" s="2163"/>
      <c r="L25" s="2164"/>
      <c r="M25" s="2161"/>
      <c r="N25" s="2161"/>
    </row>
    <row r="26" spans="1:14" ht="14.15" customHeight="1" x14ac:dyDescent="0.25">
      <c r="A26" s="566" t="s">
        <v>228</v>
      </c>
      <c r="B26" s="567">
        <v>223</v>
      </c>
      <c r="C26" s="2160">
        <v>324</v>
      </c>
      <c r="D26" s="563">
        <v>180</v>
      </c>
      <c r="E26" s="2161">
        <v>128</v>
      </c>
      <c r="F26" s="2161">
        <v>185</v>
      </c>
      <c r="G26" s="564">
        <v>305</v>
      </c>
      <c r="H26" s="2162">
        <v>219</v>
      </c>
      <c r="I26" s="2161">
        <v>264</v>
      </c>
      <c r="J26" s="2161">
        <v>299</v>
      </c>
      <c r="K26" s="2163">
        <v>547</v>
      </c>
      <c r="L26" s="2164">
        <v>490</v>
      </c>
      <c r="M26" s="2161">
        <v>798</v>
      </c>
      <c r="N26" s="2161">
        <v>1150</v>
      </c>
    </row>
    <row r="27" spans="1:14" ht="14.15" customHeight="1" x14ac:dyDescent="0.25">
      <c r="A27" s="568" t="s">
        <v>227</v>
      </c>
      <c r="B27" s="569">
        <v>196</v>
      </c>
      <c r="C27" s="570">
        <v>226</v>
      </c>
      <c r="D27" s="571">
        <v>193</v>
      </c>
      <c r="E27" s="572">
        <v>197</v>
      </c>
      <c r="F27" s="572">
        <v>232</v>
      </c>
      <c r="G27" s="570">
        <v>311</v>
      </c>
      <c r="H27" s="571">
        <v>256</v>
      </c>
      <c r="I27" s="572">
        <v>264</v>
      </c>
      <c r="J27" s="572">
        <v>266</v>
      </c>
      <c r="K27" s="573">
        <v>422</v>
      </c>
      <c r="L27" s="574">
        <v>543</v>
      </c>
      <c r="M27" s="572">
        <v>933</v>
      </c>
      <c r="N27" s="575">
        <v>1026</v>
      </c>
    </row>
    <row r="28" spans="1:14" ht="14.15" customHeight="1" x14ac:dyDescent="0.25">
      <c r="A28" s="576" t="s">
        <v>264</v>
      </c>
      <c r="B28" s="2165">
        <v>40</v>
      </c>
      <c r="C28" s="2166">
        <v>47</v>
      </c>
      <c r="D28" s="543">
        <v>24</v>
      </c>
      <c r="E28" s="2167">
        <v>21</v>
      </c>
      <c r="F28" s="2167">
        <v>51</v>
      </c>
      <c r="G28" s="544">
        <v>32</v>
      </c>
      <c r="H28" s="2168">
        <v>21</v>
      </c>
      <c r="I28" s="2167">
        <v>16</v>
      </c>
      <c r="J28" s="2167">
        <v>14</v>
      </c>
      <c r="K28" s="2169">
        <v>87</v>
      </c>
      <c r="L28" s="577">
        <v>83</v>
      </c>
      <c r="M28" s="2167">
        <v>128</v>
      </c>
      <c r="N28" s="2167">
        <v>82</v>
      </c>
    </row>
    <row r="29" spans="1:14" ht="14.15" customHeight="1" x14ac:dyDescent="0.25">
      <c r="A29" s="576" t="s">
        <v>265</v>
      </c>
      <c r="B29" s="2165">
        <v>95</v>
      </c>
      <c r="C29" s="2166">
        <v>104</v>
      </c>
      <c r="D29" s="543">
        <v>107</v>
      </c>
      <c r="E29" s="2167">
        <v>77</v>
      </c>
      <c r="F29" s="2167">
        <v>86</v>
      </c>
      <c r="G29" s="544">
        <v>88</v>
      </c>
      <c r="H29" s="2168">
        <v>59</v>
      </c>
      <c r="I29" s="2167">
        <v>60</v>
      </c>
      <c r="J29" s="2167">
        <v>58</v>
      </c>
      <c r="K29" s="2169">
        <v>199</v>
      </c>
      <c r="L29" s="577">
        <v>174</v>
      </c>
      <c r="M29" s="2167">
        <v>358</v>
      </c>
      <c r="N29" s="2167">
        <v>247</v>
      </c>
    </row>
    <row r="30" spans="1:14" ht="14.15" customHeight="1" x14ac:dyDescent="0.25">
      <c r="A30" s="578" t="s">
        <v>266</v>
      </c>
      <c r="B30" s="579">
        <v>554</v>
      </c>
      <c r="C30" s="580">
        <v>701</v>
      </c>
      <c r="D30" s="581">
        <v>504</v>
      </c>
      <c r="E30" s="582">
        <v>423</v>
      </c>
      <c r="F30" s="582">
        <v>554</v>
      </c>
      <c r="G30" s="580">
        <v>736</v>
      </c>
      <c r="H30" s="581">
        <v>555</v>
      </c>
      <c r="I30" s="582">
        <v>604</v>
      </c>
      <c r="J30" s="582">
        <v>637</v>
      </c>
      <c r="K30" s="583">
        <v>1255</v>
      </c>
      <c r="L30" s="584">
        <v>1290</v>
      </c>
      <c r="M30" s="582">
        <v>2217</v>
      </c>
      <c r="N30" s="585">
        <v>2505</v>
      </c>
    </row>
    <row r="31" spans="1:14" ht="14.15" customHeight="1" x14ac:dyDescent="0.25">
      <c r="A31" s="586" t="s">
        <v>231</v>
      </c>
      <c r="B31" s="2170"/>
      <c r="C31" s="2171"/>
      <c r="D31" s="587"/>
      <c r="E31" s="2172"/>
      <c r="F31" s="2172"/>
      <c r="G31" s="588"/>
      <c r="H31" s="2173"/>
      <c r="I31" s="2172"/>
      <c r="J31" s="2172"/>
      <c r="K31" s="2174"/>
      <c r="L31" s="2175"/>
      <c r="M31" s="2172"/>
      <c r="N31" s="2172"/>
    </row>
    <row r="32" spans="1:14" ht="14.15" customHeight="1" x14ac:dyDescent="0.25">
      <c r="A32" s="589" t="s">
        <v>600</v>
      </c>
      <c r="B32" s="590">
        <v>0</v>
      </c>
      <c r="C32" s="591">
        <v>0.02</v>
      </c>
      <c r="D32" s="592">
        <v>0.01</v>
      </c>
      <c r="E32" s="593">
        <v>-0.11</v>
      </c>
      <c r="F32" s="593">
        <v>0.02</v>
      </c>
      <c r="G32" s="594">
        <v>0.01</v>
      </c>
      <c r="H32" s="592">
        <v>0</v>
      </c>
      <c r="I32" s="593">
        <v>0.03</v>
      </c>
      <c r="J32" s="593">
        <v>0.06</v>
      </c>
      <c r="K32" s="595">
        <v>0.01</v>
      </c>
      <c r="L32" s="596">
        <v>0.01</v>
      </c>
      <c r="M32" s="593">
        <v>-0.02</v>
      </c>
      <c r="N32" s="593">
        <v>0.05</v>
      </c>
    </row>
    <row r="33" spans="1:14" ht="14.15" customHeight="1" x14ac:dyDescent="0.25">
      <c r="A33" s="597" t="s">
        <v>173</v>
      </c>
      <c r="B33" s="598"/>
      <c r="C33" s="599"/>
      <c r="D33" s="600"/>
      <c r="E33" s="601"/>
      <c r="F33" s="601"/>
      <c r="G33" s="602"/>
      <c r="H33" s="600"/>
      <c r="I33" s="601"/>
      <c r="J33" s="601"/>
      <c r="K33" s="603"/>
      <c r="L33" s="604"/>
      <c r="M33" s="601"/>
      <c r="N33" s="601"/>
    </row>
    <row r="34" spans="1:14" ht="14.15" customHeight="1" x14ac:dyDescent="0.25">
      <c r="A34" s="605" t="s">
        <v>640</v>
      </c>
      <c r="B34" s="606">
        <v>10.5</v>
      </c>
      <c r="C34" s="607">
        <v>13.2</v>
      </c>
      <c r="D34" s="608">
        <v>13.4</v>
      </c>
      <c r="E34" s="609">
        <v>11.1</v>
      </c>
      <c r="F34" s="609">
        <v>15.6</v>
      </c>
      <c r="G34" s="610">
        <v>17.399999999999999</v>
      </c>
      <c r="H34" s="608">
        <v>15.5</v>
      </c>
      <c r="I34" s="609">
        <v>16.100000000000001</v>
      </c>
      <c r="J34" s="609">
        <v>17.399999999999999</v>
      </c>
      <c r="K34" s="611">
        <v>11.9</v>
      </c>
      <c r="L34" s="612">
        <v>16.5</v>
      </c>
      <c r="M34" s="609">
        <v>14.3</v>
      </c>
      <c r="N34" s="609">
        <v>16.5</v>
      </c>
    </row>
    <row r="35" spans="1:14" ht="39" customHeight="1" x14ac:dyDescent="0.25">
      <c r="A35" s="1482" t="s">
        <v>799</v>
      </c>
      <c r="B35" s="2176">
        <v>0.15</v>
      </c>
      <c r="C35" s="2177">
        <v>0.04</v>
      </c>
      <c r="D35" s="613">
        <v>0.03</v>
      </c>
      <c r="E35" s="2178">
        <v>-0.05</v>
      </c>
      <c r="F35" s="2178">
        <v>-0.16</v>
      </c>
      <c r="G35" s="614">
        <v>-0.06</v>
      </c>
      <c r="H35" s="2179">
        <v>-0.18</v>
      </c>
      <c r="I35" s="2178">
        <v>-0.11</v>
      </c>
      <c r="J35" s="2178">
        <v>-0.18</v>
      </c>
      <c r="K35" s="2180">
        <v>0.1</v>
      </c>
      <c r="L35" s="2181">
        <v>-0.11</v>
      </c>
      <c r="M35" s="2178">
        <v>-0.06</v>
      </c>
      <c r="N35" s="2178">
        <v>-0.1</v>
      </c>
    </row>
    <row r="36" spans="1:14" ht="14.15" customHeight="1" x14ac:dyDescent="0.25">
      <c r="A36" s="562" t="s">
        <v>800</v>
      </c>
      <c r="B36" s="2176">
        <v>0</v>
      </c>
      <c r="C36" s="2177">
        <v>0</v>
      </c>
      <c r="D36" s="615">
        <v>0.06</v>
      </c>
      <c r="E36" s="2182">
        <v>-0.06</v>
      </c>
      <c r="F36" s="2182">
        <v>-0.01</v>
      </c>
      <c r="G36" s="616">
        <v>-0.03</v>
      </c>
      <c r="H36" s="2179">
        <v>0.01</v>
      </c>
      <c r="I36" s="2178">
        <v>0.03</v>
      </c>
      <c r="J36" s="2178">
        <v>0.05</v>
      </c>
      <c r="K36" s="617">
        <v>0</v>
      </c>
      <c r="L36" s="618">
        <v>-0.02</v>
      </c>
      <c r="M36" s="2178">
        <v>-0.01</v>
      </c>
      <c r="N36" s="2178">
        <v>0.03</v>
      </c>
    </row>
    <row r="37" spans="1:14" ht="28.5" customHeight="1" x14ac:dyDescent="0.25">
      <c r="A37" s="562" t="s">
        <v>596</v>
      </c>
      <c r="B37" s="2183">
        <v>55.6</v>
      </c>
      <c r="C37" s="2184">
        <v>51.4</v>
      </c>
      <c r="D37" s="608">
        <v>51.4</v>
      </c>
      <c r="E37" s="2185">
        <v>56.8</v>
      </c>
      <c r="F37" s="2185">
        <v>51.7</v>
      </c>
      <c r="G37" s="610">
        <v>47.7</v>
      </c>
      <c r="H37" s="2186">
        <v>50.3</v>
      </c>
      <c r="I37" s="2185">
        <v>49.5</v>
      </c>
      <c r="J37" s="2185">
        <v>50.3</v>
      </c>
      <c r="K37" s="2187">
        <v>53.4</v>
      </c>
      <c r="L37" s="2188">
        <v>49.6</v>
      </c>
      <c r="M37" s="2185">
        <v>51.7</v>
      </c>
      <c r="N37" s="2185">
        <v>48.9</v>
      </c>
    </row>
    <row r="38" spans="1:14" ht="14.15" customHeight="1" x14ac:dyDescent="0.25">
      <c r="A38" s="389" t="s">
        <v>774</v>
      </c>
      <c r="B38" s="2170"/>
      <c r="C38" s="2171"/>
      <c r="D38" s="587"/>
      <c r="E38" s="2172"/>
      <c r="F38" s="2172"/>
      <c r="G38" s="588"/>
      <c r="H38" s="2173"/>
      <c r="I38" s="2172"/>
      <c r="J38" s="2172"/>
      <c r="K38" s="2174"/>
      <c r="L38" s="2175"/>
      <c r="M38" s="2172"/>
      <c r="N38" s="2172"/>
    </row>
    <row r="39" spans="1:14" ht="14.15" customHeight="1" x14ac:dyDescent="0.25">
      <c r="A39" s="619" t="s">
        <v>575</v>
      </c>
      <c r="B39" s="620">
        <v>132.30000000000001</v>
      </c>
      <c r="C39" s="621">
        <v>131.6</v>
      </c>
      <c r="D39" s="622">
        <v>122.5</v>
      </c>
      <c r="E39" s="623">
        <v>111.5</v>
      </c>
      <c r="F39" s="623">
        <v>102</v>
      </c>
      <c r="G39" s="624">
        <v>98.7</v>
      </c>
      <c r="H39" s="625">
        <v>93.7</v>
      </c>
      <c r="I39" s="623">
        <v>91.4</v>
      </c>
      <c r="J39" s="623">
        <v>90.7</v>
      </c>
      <c r="K39" s="626">
        <v>131.9</v>
      </c>
      <c r="L39" s="627">
        <v>100.3</v>
      </c>
      <c r="M39" s="628">
        <v>108.7</v>
      </c>
      <c r="N39" s="628">
        <v>91.8</v>
      </c>
    </row>
    <row r="40" spans="1:14" ht="14.15" customHeight="1" x14ac:dyDescent="0.25">
      <c r="A40" s="629" t="s">
        <v>267</v>
      </c>
      <c r="B40" s="2189">
        <v>186.9</v>
      </c>
      <c r="C40" s="2190">
        <v>171.9</v>
      </c>
      <c r="D40" s="630">
        <v>155</v>
      </c>
      <c r="E40" s="2191">
        <v>143.69999999999999</v>
      </c>
      <c r="F40" s="2191">
        <v>127.2</v>
      </c>
      <c r="G40" s="610">
        <v>131</v>
      </c>
      <c r="H40" s="2192">
        <v>119.3</v>
      </c>
      <c r="I40" s="2191">
        <v>117.3</v>
      </c>
      <c r="J40" s="2191">
        <v>115.4</v>
      </c>
      <c r="K40" s="2193">
        <v>179.3</v>
      </c>
      <c r="L40" s="2194">
        <v>129.19999999999999</v>
      </c>
      <c r="M40" s="2195">
        <v>139.30000000000001</v>
      </c>
      <c r="N40" s="2195">
        <v>116.9</v>
      </c>
    </row>
    <row r="41" spans="1:14" ht="14.15" customHeight="1" x14ac:dyDescent="0.25">
      <c r="A41" s="629" t="s">
        <v>245</v>
      </c>
      <c r="B41" s="2196">
        <v>103</v>
      </c>
      <c r="C41" s="2197">
        <v>107.8</v>
      </c>
      <c r="D41" s="631">
        <v>106.5</v>
      </c>
      <c r="E41" s="2195">
        <v>120.3</v>
      </c>
      <c r="F41" s="2195">
        <v>137.80000000000001</v>
      </c>
      <c r="G41" s="632">
        <v>155.4</v>
      </c>
      <c r="H41" s="2198">
        <v>136.5</v>
      </c>
      <c r="I41" s="2195">
        <v>134.9</v>
      </c>
      <c r="J41" s="2195">
        <v>137.4</v>
      </c>
      <c r="K41" s="633">
        <v>105.4</v>
      </c>
      <c r="L41" s="634">
        <v>146.79999999999998</v>
      </c>
      <c r="M41" s="2195">
        <v>129.9</v>
      </c>
      <c r="N41" s="2195">
        <v>134.6</v>
      </c>
    </row>
    <row r="42" spans="1:14" ht="14.15" customHeight="1" x14ac:dyDescent="0.25">
      <c r="A42" s="635" t="s">
        <v>182</v>
      </c>
      <c r="B42" s="2196">
        <v>95.5</v>
      </c>
      <c r="C42" s="2197">
        <v>99.9</v>
      </c>
      <c r="D42" s="631">
        <v>98.6</v>
      </c>
      <c r="E42" s="2195">
        <v>112.2</v>
      </c>
      <c r="F42" s="2195">
        <v>129.6</v>
      </c>
      <c r="G42" s="632">
        <v>147.4</v>
      </c>
      <c r="H42" s="2198">
        <v>130.30000000000001</v>
      </c>
      <c r="I42" s="2195">
        <v>128.4</v>
      </c>
      <c r="J42" s="2195">
        <v>130.5</v>
      </c>
      <c r="K42" s="633">
        <v>97.7</v>
      </c>
      <c r="L42" s="634">
        <v>138.69999999999999</v>
      </c>
      <c r="M42" s="2195">
        <v>121.9</v>
      </c>
      <c r="N42" s="2195">
        <v>127.7</v>
      </c>
    </row>
    <row r="43" spans="1:14" ht="14.15" customHeight="1" x14ac:dyDescent="0.25">
      <c r="A43" s="635" t="s">
        <v>246</v>
      </c>
      <c r="B43" s="2196">
        <v>7.5</v>
      </c>
      <c r="C43" s="2197">
        <v>7.9</v>
      </c>
      <c r="D43" s="631">
        <v>7.9</v>
      </c>
      <c r="E43" s="2195">
        <v>8.1</v>
      </c>
      <c r="F43" s="2195">
        <v>8.1999999999999993</v>
      </c>
      <c r="G43" s="632">
        <v>8</v>
      </c>
      <c r="H43" s="2198">
        <v>6.2</v>
      </c>
      <c r="I43" s="2195">
        <v>6.5</v>
      </c>
      <c r="J43" s="2195">
        <v>6.9</v>
      </c>
      <c r="K43" s="633">
        <v>7.7</v>
      </c>
      <c r="L43" s="634">
        <v>8.1</v>
      </c>
      <c r="M43" s="2195">
        <v>8</v>
      </c>
      <c r="N43" s="2195">
        <v>6.9</v>
      </c>
    </row>
    <row r="44" spans="1:14" ht="14.15" customHeight="1" x14ac:dyDescent="0.25">
      <c r="A44" s="636" t="s">
        <v>232</v>
      </c>
      <c r="B44" s="2199">
        <v>6.4</v>
      </c>
      <c r="C44" s="2200">
        <v>5.9</v>
      </c>
      <c r="D44" s="631">
        <v>5.7</v>
      </c>
      <c r="E44" s="2201">
        <v>5.8</v>
      </c>
      <c r="F44" s="2201">
        <v>5.6</v>
      </c>
      <c r="G44" s="632">
        <v>5.6</v>
      </c>
      <c r="H44" s="2202">
        <v>5.8</v>
      </c>
      <c r="I44" s="2201">
        <v>5.8</v>
      </c>
      <c r="J44" s="2201">
        <v>6.3</v>
      </c>
      <c r="K44" s="2203">
        <v>6.1000000000000005</v>
      </c>
      <c r="L44" s="2204">
        <v>5.6</v>
      </c>
      <c r="M44" s="2201">
        <v>5.7</v>
      </c>
      <c r="N44" s="2201">
        <v>6.1</v>
      </c>
    </row>
    <row r="45" spans="1:14" ht="14.15" customHeight="1" x14ac:dyDescent="0.25">
      <c r="A45" s="637" t="s">
        <v>587</v>
      </c>
      <c r="B45" s="2205">
        <v>0.2</v>
      </c>
      <c r="C45" s="2206">
        <v>-1</v>
      </c>
      <c r="D45" s="631">
        <v>0.2</v>
      </c>
      <c r="E45" s="2207">
        <v>0.9</v>
      </c>
      <c r="F45" s="2207">
        <v>0.3</v>
      </c>
      <c r="G45" s="632">
        <v>0.9</v>
      </c>
      <c r="H45" s="2208">
        <v>0.2</v>
      </c>
      <c r="I45" s="2207">
        <v>0.4</v>
      </c>
      <c r="J45" s="2207">
        <v>-0.4</v>
      </c>
      <c r="K45" s="2209">
        <v>-0.4</v>
      </c>
      <c r="L45" s="2210">
        <v>0.6</v>
      </c>
      <c r="M45" s="2207">
        <v>0.6</v>
      </c>
      <c r="N45" s="2207">
        <v>0.2</v>
      </c>
    </row>
    <row r="46" spans="1:14" ht="14.15" customHeight="1" x14ac:dyDescent="0.25">
      <c r="A46" s="637" t="s">
        <v>577</v>
      </c>
      <c r="B46" s="2205">
        <v>59.099999999999966</v>
      </c>
      <c r="C46" s="2206">
        <v>64.3</v>
      </c>
      <c r="D46" s="631">
        <v>71</v>
      </c>
      <c r="E46" s="2207">
        <v>60.8</v>
      </c>
      <c r="F46" s="2207">
        <v>58.4</v>
      </c>
      <c r="G46" s="632">
        <v>52.6</v>
      </c>
      <c r="H46" s="2208">
        <v>53</v>
      </c>
      <c r="I46" s="2207">
        <v>51.099999999999966</v>
      </c>
      <c r="J46" s="2207">
        <v>49.599999999999966</v>
      </c>
      <c r="K46" s="2209">
        <v>61.799999999999955</v>
      </c>
      <c r="L46" s="2210">
        <v>55.399999999999977</v>
      </c>
      <c r="M46" s="2207">
        <v>60.8</v>
      </c>
      <c r="N46" s="2207">
        <v>51.3</v>
      </c>
    </row>
    <row r="47" spans="1:14" ht="14.15" customHeight="1" x14ac:dyDescent="0.25">
      <c r="A47" s="638" t="s">
        <v>578</v>
      </c>
      <c r="B47" s="2205">
        <v>487.9</v>
      </c>
      <c r="C47" s="2206">
        <v>480.5</v>
      </c>
      <c r="D47" s="631">
        <v>460.9</v>
      </c>
      <c r="E47" s="2207">
        <v>443</v>
      </c>
      <c r="F47" s="2207">
        <v>431.3</v>
      </c>
      <c r="G47" s="632">
        <v>444.2</v>
      </c>
      <c r="H47" s="2211">
        <v>408.5</v>
      </c>
      <c r="I47" s="2207">
        <v>400.9</v>
      </c>
      <c r="J47" s="2207">
        <v>399</v>
      </c>
      <c r="K47" s="2209">
        <v>484.1</v>
      </c>
      <c r="L47" s="2210">
        <v>437.9</v>
      </c>
      <c r="M47" s="2207">
        <v>445</v>
      </c>
      <c r="N47" s="2207">
        <v>400.9</v>
      </c>
    </row>
    <row r="48" spans="1:14" ht="14.15" customHeight="1" x14ac:dyDescent="0.25">
      <c r="A48" s="637" t="s">
        <v>581</v>
      </c>
      <c r="B48" s="2205">
        <v>182.2</v>
      </c>
      <c r="C48" s="2206">
        <v>185.1</v>
      </c>
      <c r="D48" s="631">
        <v>179.4</v>
      </c>
      <c r="E48" s="2207">
        <v>170</v>
      </c>
      <c r="F48" s="2207">
        <v>163.6</v>
      </c>
      <c r="G48" s="632">
        <v>165.2</v>
      </c>
      <c r="H48" s="2208">
        <v>159.6</v>
      </c>
      <c r="I48" s="2207">
        <v>155.4</v>
      </c>
      <c r="J48" s="2207">
        <v>159.9</v>
      </c>
      <c r="K48" s="2209">
        <v>183.7</v>
      </c>
      <c r="L48" s="2210">
        <v>164.4</v>
      </c>
      <c r="M48" s="2207">
        <v>169.6</v>
      </c>
      <c r="N48" s="2207">
        <v>156.30000000000001</v>
      </c>
    </row>
    <row r="49" spans="1:14" ht="14.15" customHeight="1" x14ac:dyDescent="0.25">
      <c r="A49" s="637" t="s">
        <v>582</v>
      </c>
      <c r="B49" s="2205">
        <v>263.8</v>
      </c>
      <c r="C49" s="2206">
        <v>269.60000000000002</v>
      </c>
      <c r="D49" s="631">
        <v>250.6</v>
      </c>
      <c r="E49" s="2207">
        <v>249.2</v>
      </c>
      <c r="F49" s="2207">
        <v>236.5</v>
      </c>
      <c r="G49" s="632">
        <v>241.5</v>
      </c>
      <c r="H49" s="2208">
        <v>222.50000000000003</v>
      </c>
      <c r="I49" s="2207">
        <v>217.99999999999997</v>
      </c>
      <c r="J49" s="2207">
        <v>238.20000000000002</v>
      </c>
      <c r="K49" s="2209">
        <v>266.7</v>
      </c>
      <c r="L49" s="2210">
        <v>239</v>
      </c>
      <c r="M49" s="2207">
        <v>244.5</v>
      </c>
      <c r="N49" s="2207">
        <v>228.8</v>
      </c>
    </row>
    <row r="50" spans="1:14" ht="14.15" customHeight="1" x14ac:dyDescent="0.25">
      <c r="A50" s="250" t="s">
        <v>583</v>
      </c>
      <c r="B50" s="2212">
        <v>446</v>
      </c>
      <c r="C50" s="2213">
        <v>454.7</v>
      </c>
      <c r="D50" s="2214">
        <v>430</v>
      </c>
      <c r="E50" s="2215">
        <v>419.2</v>
      </c>
      <c r="F50" s="2215">
        <v>400.1</v>
      </c>
      <c r="G50" s="2216">
        <v>406.7</v>
      </c>
      <c r="H50" s="2217">
        <v>382.1</v>
      </c>
      <c r="I50" s="2215">
        <v>373.4</v>
      </c>
      <c r="J50" s="2215">
        <v>398.1</v>
      </c>
      <c r="K50" s="2218">
        <v>450.4</v>
      </c>
      <c r="L50" s="2219">
        <v>403.4</v>
      </c>
      <c r="M50" s="2215">
        <v>414.1</v>
      </c>
      <c r="N50" s="2215">
        <v>385.1</v>
      </c>
    </row>
    <row r="51" spans="1:14" ht="14.15" customHeight="1" x14ac:dyDescent="0.25">
      <c r="A51" s="433" t="s">
        <v>776</v>
      </c>
      <c r="B51" s="2170"/>
      <c r="C51" s="2171"/>
      <c r="D51" s="587"/>
      <c r="E51" s="2172"/>
      <c r="F51" s="2172"/>
      <c r="G51" s="588"/>
      <c r="H51" s="2173"/>
      <c r="I51" s="2172"/>
      <c r="J51" s="2172"/>
      <c r="K51" s="2174"/>
      <c r="L51" s="2175"/>
      <c r="M51" s="2172"/>
      <c r="N51" s="2172"/>
    </row>
    <row r="52" spans="1:14" ht="14.15" customHeight="1" x14ac:dyDescent="0.25">
      <c r="A52" s="639" t="s">
        <v>641</v>
      </c>
      <c r="B52" s="640"/>
      <c r="C52" s="641"/>
      <c r="D52" s="642"/>
      <c r="E52" s="643"/>
      <c r="F52" s="643"/>
      <c r="G52" s="644"/>
      <c r="H52" s="642"/>
      <c r="I52" s="643"/>
      <c r="J52" s="643"/>
      <c r="K52" s="2220"/>
      <c r="L52" s="2221"/>
      <c r="M52" s="2222"/>
      <c r="N52" s="2222"/>
    </row>
    <row r="53" spans="1:14" ht="14.15" customHeight="1" x14ac:dyDescent="0.35">
      <c r="A53" s="645" t="s">
        <v>260</v>
      </c>
      <c r="B53" s="2223">
        <v>1117</v>
      </c>
      <c r="C53" s="2224">
        <v>1120</v>
      </c>
      <c r="D53" s="646">
        <v>1080</v>
      </c>
      <c r="E53" s="2225">
        <v>1074</v>
      </c>
      <c r="F53" s="2225">
        <v>1063</v>
      </c>
      <c r="G53" s="495">
        <v>1055</v>
      </c>
      <c r="H53" s="2226">
        <v>1043</v>
      </c>
      <c r="I53" s="2225">
        <v>1038</v>
      </c>
      <c r="J53" s="2225">
        <v>1014</v>
      </c>
      <c r="K53" s="2227"/>
      <c r="L53" s="2228"/>
      <c r="M53" s="2229"/>
      <c r="N53" s="2229"/>
    </row>
    <row r="54" spans="1:14" ht="14.15" customHeight="1" x14ac:dyDescent="0.25">
      <c r="A54" s="645" t="s">
        <v>254</v>
      </c>
      <c r="B54" s="2223">
        <v>1084</v>
      </c>
      <c r="C54" s="2224">
        <v>1091</v>
      </c>
      <c r="D54" s="646">
        <v>1145</v>
      </c>
      <c r="E54" s="2225">
        <v>1131</v>
      </c>
      <c r="F54" s="2225">
        <v>1054</v>
      </c>
      <c r="G54" s="495">
        <v>1052</v>
      </c>
      <c r="H54" s="2226">
        <v>1089</v>
      </c>
      <c r="I54" s="2225">
        <v>1092</v>
      </c>
      <c r="J54" s="2225">
        <v>1057</v>
      </c>
      <c r="K54" s="2230"/>
      <c r="L54" s="2231"/>
      <c r="M54" s="2232"/>
      <c r="N54" s="2232"/>
    </row>
    <row r="55" spans="1:14" ht="14.15" customHeight="1" x14ac:dyDescent="0.25">
      <c r="A55" s="647" t="s">
        <v>253</v>
      </c>
      <c r="B55" s="648">
        <v>2201</v>
      </c>
      <c r="C55" s="506">
        <v>2211</v>
      </c>
      <c r="D55" s="649">
        <v>2225</v>
      </c>
      <c r="E55" s="650">
        <v>2205</v>
      </c>
      <c r="F55" s="650">
        <v>2117</v>
      </c>
      <c r="G55" s="506">
        <v>2107</v>
      </c>
      <c r="H55" s="649">
        <v>2132</v>
      </c>
      <c r="I55" s="650">
        <v>2130</v>
      </c>
      <c r="J55" s="650">
        <v>2071</v>
      </c>
      <c r="K55" s="2233"/>
      <c r="L55" s="2234"/>
      <c r="M55" s="2235"/>
      <c r="N55" s="2235"/>
    </row>
    <row r="56" spans="1:14" ht="14.15" customHeight="1" x14ac:dyDescent="0.25">
      <c r="A56" s="651"/>
      <c r="B56" s="652"/>
      <c r="C56" s="652"/>
      <c r="D56" s="652"/>
      <c r="E56" s="652"/>
      <c r="F56" s="652"/>
      <c r="G56" s="652"/>
      <c r="H56" s="652"/>
      <c r="I56" s="652"/>
      <c r="J56" s="652"/>
      <c r="K56" s="510"/>
      <c r="L56" s="510"/>
      <c r="M56" s="510"/>
      <c r="N56" s="510"/>
    </row>
    <row r="57" spans="1:14" ht="14.15" customHeight="1" x14ac:dyDescent="0.25">
      <c r="A57" s="3186" t="s">
        <v>801</v>
      </c>
      <c r="B57" s="3186" t="s">
        <v>38</v>
      </c>
      <c r="C57" s="3186" t="s">
        <v>38</v>
      </c>
      <c r="D57" s="3186" t="s">
        <v>38</v>
      </c>
      <c r="E57" s="3186" t="s">
        <v>38</v>
      </c>
      <c r="F57" s="3186" t="s">
        <v>38</v>
      </c>
      <c r="G57" s="3186" t="s">
        <v>38</v>
      </c>
      <c r="H57" s="3186" t="s">
        <v>38</v>
      </c>
      <c r="I57" s="3186" t="s">
        <v>38</v>
      </c>
      <c r="J57" s="3186" t="s">
        <v>38</v>
      </c>
      <c r="K57" s="3186" t="s">
        <v>38</v>
      </c>
      <c r="L57" s="3186" t="s">
        <v>38</v>
      </c>
      <c r="M57" s="1510"/>
      <c r="N57" s="1510"/>
    </row>
    <row r="58" spans="1:14" ht="12" customHeight="1" x14ac:dyDescent="0.25">
      <c r="A58" s="3186" t="s">
        <v>195</v>
      </c>
      <c r="B58" s="3186" t="s">
        <v>38</v>
      </c>
      <c r="C58" s="3186" t="s">
        <v>38</v>
      </c>
      <c r="D58" s="3186" t="s">
        <v>38</v>
      </c>
      <c r="E58" s="3186" t="s">
        <v>38</v>
      </c>
      <c r="F58" s="3186" t="s">
        <v>38</v>
      </c>
      <c r="G58" s="3186" t="s">
        <v>38</v>
      </c>
      <c r="H58" s="3186" t="s">
        <v>38</v>
      </c>
      <c r="I58" s="3186" t="s">
        <v>38</v>
      </c>
      <c r="J58" s="3186" t="s">
        <v>38</v>
      </c>
      <c r="K58" s="3186" t="s">
        <v>38</v>
      </c>
      <c r="L58" s="3186" t="s">
        <v>38</v>
      </c>
      <c r="M58" s="1510"/>
      <c r="N58" s="1510"/>
    </row>
    <row r="59" spans="1:14" ht="12" customHeight="1" x14ac:dyDescent="0.25">
      <c r="A59" s="3186" t="s">
        <v>802</v>
      </c>
      <c r="B59" s="3186" t="s">
        <v>38</v>
      </c>
      <c r="C59" s="3186" t="s">
        <v>38</v>
      </c>
      <c r="D59" s="3186" t="s">
        <v>38</v>
      </c>
      <c r="E59" s="3186" t="s">
        <v>38</v>
      </c>
      <c r="F59" s="3186" t="s">
        <v>38</v>
      </c>
      <c r="G59" s="3186" t="s">
        <v>38</v>
      </c>
      <c r="H59" s="3186" t="s">
        <v>38</v>
      </c>
      <c r="I59" s="3186" t="s">
        <v>38</v>
      </c>
      <c r="J59" s="3186" t="s">
        <v>38</v>
      </c>
      <c r="K59" s="3186" t="s">
        <v>38</v>
      </c>
      <c r="L59" s="3186" t="s">
        <v>38</v>
      </c>
      <c r="M59" s="1510"/>
      <c r="N59" s="1510"/>
    </row>
    <row r="60" spans="1:14" ht="12" customHeight="1" x14ac:dyDescent="0.25">
      <c r="A60" s="3186" t="s">
        <v>588</v>
      </c>
      <c r="B60" s="3186" t="s">
        <v>38</v>
      </c>
      <c r="C60" s="3186" t="s">
        <v>38</v>
      </c>
      <c r="D60" s="3186" t="s">
        <v>38</v>
      </c>
      <c r="E60" s="3186" t="s">
        <v>38</v>
      </c>
      <c r="F60" s="3186" t="s">
        <v>38</v>
      </c>
      <c r="G60" s="3186" t="s">
        <v>38</v>
      </c>
      <c r="H60" s="3186" t="s">
        <v>38</v>
      </c>
      <c r="I60" s="3186" t="s">
        <v>38</v>
      </c>
      <c r="J60" s="3186" t="s">
        <v>38</v>
      </c>
      <c r="K60" s="3186" t="s">
        <v>38</v>
      </c>
      <c r="L60" s="3186" t="s">
        <v>38</v>
      </c>
      <c r="M60" s="1510"/>
      <c r="N60" s="1510"/>
    </row>
    <row r="61" spans="1:14" ht="12" customHeight="1" x14ac:dyDescent="0.25">
      <c r="A61" s="3168"/>
      <c r="B61" s="3168"/>
      <c r="C61" s="3168"/>
      <c r="D61" s="3168"/>
      <c r="E61" s="3168"/>
      <c r="F61" s="3168"/>
      <c r="G61" s="3168"/>
      <c r="H61" s="3168"/>
      <c r="I61" s="3168"/>
      <c r="J61" s="3168"/>
      <c r="K61" s="3168"/>
      <c r="L61" s="3168"/>
      <c r="M61" s="3168"/>
      <c r="N61" s="3168"/>
    </row>
    <row r="62" spans="1:14" ht="12" customHeight="1" x14ac:dyDescent="0.25">
      <c r="A62" s="3186"/>
      <c r="B62" s="3186"/>
      <c r="C62" s="3186"/>
      <c r="D62" s="3186"/>
      <c r="E62" s="3186"/>
      <c r="F62" s="3186"/>
      <c r="G62" s="3186"/>
      <c r="H62" s="3186"/>
      <c r="I62" s="3186"/>
      <c r="J62" s="3186"/>
      <c r="K62" s="3186"/>
      <c r="L62" s="3186"/>
      <c r="M62" s="511"/>
      <c r="N62" s="511"/>
    </row>
    <row r="63" spans="1:14" ht="4.5" customHeight="1" x14ac:dyDescent="0.25">
      <c r="A63" s="3168"/>
      <c r="B63" s="3168" t="s">
        <v>38</v>
      </c>
      <c r="C63" s="3168" t="s">
        <v>38</v>
      </c>
      <c r="D63" s="3168" t="s">
        <v>38</v>
      </c>
      <c r="E63" s="3168" t="s">
        <v>38</v>
      </c>
      <c r="F63" s="3168" t="s">
        <v>38</v>
      </c>
      <c r="G63" s="3168" t="s">
        <v>38</v>
      </c>
      <c r="H63" s="3168" t="s">
        <v>38</v>
      </c>
      <c r="I63" s="3168" t="s">
        <v>38</v>
      </c>
      <c r="J63" s="3168" t="s">
        <v>38</v>
      </c>
      <c r="K63" s="3168" t="s">
        <v>38</v>
      </c>
      <c r="L63" s="3168" t="s">
        <v>38</v>
      </c>
      <c r="M63" s="3168" t="s">
        <v>38</v>
      </c>
      <c r="N63" s="3168" t="s">
        <v>38</v>
      </c>
    </row>
    <row r="64" spans="1:14" ht="9" customHeight="1" x14ac:dyDescent="0.25">
      <c r="A64" s="3168"/>
      <c r="B64" s="3195" t="s">
        <v>38</v>
      </c>
      <c r="C64" s="3195" t="s">
        <v>38</v>
      </c>
      <c r="D64" s="3195" t="s">
        <v>38</v>
      </c>
      <c r="E64" s="3195" t="s">
        <v>38</v>
      </c>
      <c r="F64" s="3195" t="s">
        <v>38</v>
      </c>
      <c r="G64" s="3195" t="s">
        <v>38</v>
      </c>
      <c r="H64" s="3195" t="s">
        <v>38</v>
      </c>
      <c r="I64" s="3195" t="s">
        <v>38</v>
      </c>
      <c r="J64" s="3195" t="s">
        <v>38</v>
      </c>
      <c r="K64" s="3195" t="s">
        <v>38</v>
      </c>
      <c r="L64" s="3195" t="s">
        <v>38</v>
      </c>
      <c r="M64" s="3195" t="s">
        <v>38</v>
      </c>
      <c r="N64" s="3195" t="s">
        <v>38</v>
      </c>
    </row>
  </sheetData>
  <mergeCells count="14">
    <mergeCell ref="A64:N64"/>
    <mergeCell ref="A2:N2"/>
    <mergeCell ref="B3:C3"/>
    <mergeCell ref="D3:G3"/>
    <mergeCell ref="H3:J3"/>
    <mergeCell ref="K3:L3"/>
    <mergeCell ref="M3:N3"/>
    <mergeCell ref="A59:L59"/>
    <mergeCell ref="A60:L60"/>
    <mergeCell ref="A62:L62"/>
    <mergeCell ref="A63:N63"/>
    <mergeCell ref="A57:L57"/>
    <mergeCell ref="A58:L58"/>
    <mergeCell ref="A61:N61"/>
  </mergeCells>
  <hyperlinks>
    <hyperlink ref="A1" location="TDM!A1" display="Retour à la table des matières" xr:uid="{00000000-0004-0000-0D00-000000000000}"/>
  </hyperlinks>
  <printOptions horizontalCentered="1"/>
  <pageMargins left="0.51181102362204722" right="0.51181102362204722" top="0.51181102362204722" bottom="0.51181102362204722" header="0.23622047244094491" footer="0.23622047244094491"/>
  <pageSetup scale="49" orientation="landscape" r:id="rId1"/>
  <headerFooter>
    <oddFooter>&amp;L&amp;G&amp;C&amp;"Scotia,Regular"&amp;9Informations financières supplémentaires (IFS)&amp;R&amp;"Scotia,Regular"&amp;9&amp;A</oddFooter>
  </headerFooter>
  <legacyDrawingHF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6C79DD-816C-447A-8389-AC63F2092073}">
  <sheetPr>
    <pageSetUpPr fitToPage="1"/>
  </sheetPr>
  <dimension ref="A1:N35"/>
  <sheetViews>
    <sheetView showGridLines="0" zoomScaleNormal="100" workbookViewId="0"/>
  </sheetViews>
  <sheetFormatPr defaultColWidth="8.7265625" defaultRowHeight="12.5" x14ac:dyDescent="0.25"/>
  <cols>
    <col min="1" max="1" width="66.7265625" style="25" customWidth="1"/>
    <col min="2" max="14" width="11.7265625" style="25" customWidth="1"/>
    <col min="15" max="16384" width="8.7265625" style="25"/>
  </cols>
  <sheetData>
    <row r="1" spans="1:14" ht="20.149999999999999" customHeight="1" x14ac:dyDescent="0.25">
      <c r="A1" s="24" t="s">
        <v>37</v>
      </c>
    </row>
    <row r="2" spans="1:14" ht="24.65" customHeight="1" x14ac:dyDescent="0.25">
      <c r="A2" s="3206" t="s">
        <v>642</v>
      </c>
      <c r="B2" s="3206" t="s">
        <v>38</v>
      </c>
      <c r="C2" s="3206" t="s">
        <v>38</v>
      </c>
      <c r="D2" s="3206" t="s">
        <v>38</v>
      </c>
      <c r="E2" s="3206" t="s">
        <v>38</v>
      </c>
      <c r="F2" s="3206" t="s">
        <v>38</v>
      </c>
      <c r="G2" s="3206" t="s">
        <v>38</v>
      </c>
      <c r="H2" s="3206" t="s">
        <v>38</v>
      </c>
      <c r="I2" s="3206" t="s">
        <v>38</v>
      </c>
      <c r="J2" s="3206" t="s">
        <v>38</v>
      </c>
      <c r="K2" s="3206" t="s">
        <v>38</v>
      </c>
      <c r="L2" s="3206" t="s">
        <v>38</v>
      </c>
      <c r="M2" s="3206" t="s">
        <v>38</v>
      </c>
      <c r="N2" s="3206" t="s">
        <v>38</v>
      </c>
    </row>
    <row r="3" spans="1:14" ht="20.149999999999999" customHeight="1" x14ac:dyDescent="0.25">
      <c r="A3" s="653"/>
      <c r="B3" s="3207" t="s">
        <v>174</v>
      </c>
      <c r="C3" s="3208" t="s">
        <v>38</v>
      </c>
      <c r="D3" s="3209">
        <v>2022</v>
      </c>
      <c r="E3" s="3210" t="s">
        <v>38</v>
      </c>
      <c r="F3" s="3210" t="s">
        <v>38</v>
      </c>
      <c r="G3" s="3211" t="s">
        <v>38</v>
      </c>
      <c r="H3" s="3209">
        <v>2021</v>
      </c>
      <c r="I3" s="3210" t="s">
        <v>38</v>
      </c>
      <c r="J3" s="3210" t="s">
        <v>38</v>
      </c>
      <c r="K3" s="3212" t="s">
        <v>716</v>
      </c>
      <c r="L3" s="3213" t="s">
        <v>38</v>
      </c>
      <c r="M3" s="3210" t="s">
        <v>717</v>
      </c>
      <c r="N3" s="3210" t="s">
        <v>38</v>
      </c>
    </row>
    <row r="4" spans="1:14" ht="20.149999999999999" customHeight="1" x14ac:dyDescent="0.25">
      <c r="A4" s="654"/>
      <c r="B4" s="655" t="s">
        <v>49</v>
      </c>
      <c r="C4" s="656" t="s">
        <v>45</v>
      </c>
      <c r="D4" s="657" t="s">
        <v>569</v>
      </c>
      <c r="E4" s="658" t="s">
        <v>570</v>
      </c>
      <c r="F4" s="658" t="s">
        <v>49</v>
      </c>
      <c r="G4" s="659" t="s">
        <v>45</v>
      </c>
      <c r="H4" s="660" t="s">
        <v>569</v>
      </c>
      <c r="I4" s="661" t="s">
        <v>570</v>
      </c>
      <c r="J4" s="661" t="s">
        <v>49</v>
      </c>
      <c r="K4" s="662">
        <v>2023</v>
      </c>
      <c r="L4" s="663">
        <v>2022</v>
      </c>
      <c r="M4" s="661">
        <v>2022</v>
      </c>
      <c r="N4" s="661">
        <v>2021</v>
      </c>
    </row>
    <row r="5" spans="1:14" ht="29" x14ac:dyDescent="0.25">
      <c r="A5" s="664" t="s">
        <v>781</v>
      </c>
      <c r="B5" s="665"/>
      <c r="C5" s="666"/>
      <c r="D5" s="657"/>
      <c r="E5" s="658"/>
      <c r="F5" s="658"/>
      <c r="G5" s="659"/>
      <c r="H5" s="660"/>
      <c r="I5" s="661"/>
      <c r="J5" s="661"/>
      <c r="K5" s="662"/>
      <c r="L5" s="663"/>
      <c r="M5" s="667"/>
      <c r="N5" s="667"/>
    </row>
    <row r="6" spans="1:14" ht="20.149999999999999" customHeight="1" x14ac:dyDescent="0.25">
      <c r="A6" s="668" t="s">
        <v>643</v>
      </c>
      <c r="B6" s="2236">
        <v>-474</v>
      </c>
      <c r="C6" s="2237">
        <v>-383</v>
      </c>
      <c r="D6" s="2238">
        <v>-245</v>
      </c>
      <c r="E6" s="2239">
        <v>-49</v>
      </c>
      <c r="F6" s="2240">
        <v>98</v>
      </c>
      <c r="G6" s="2241">
        <v>16</v>
      </c>
      <c r="H6" s="2242">
        <v>20</v>
      </c>
      <c r="I6" s="2239">
        <v>78</v>
      </c>
      <c r="J6" s="2239">
        <v>78</v>
      </c>
      <c r="K6" s="2243">
        <v>-857</v>
      </c>
      <c r="L6" s="2244">
        <v>114</v>
      </c>
      <c r="M6" s="2239">
        <v>-180</v>
      </c>
      <c r="N6" s="2239">
        <v>242</v>
      </c>
    </row>
    <row r="7" spans="1:14" ht="20.149999999999999" customHeight="1" x14ac:dyDescent="0.25">
      <c r="A7" s="669" t="s">
        <v>803</v>
      </c>
      <c r="B7" s="2245">
        <v>-135</v>
      </c>
      <c r="C7" s="2246">
        <v>-328</v>
      </c>
      <c r="D7" s="2247">
        <v>-410</v>
      </c>
      <c r="E7" s="2248">
        <v>-154</v>
      </c>
      <c r="F7" s="2249">
        <v>-86</v>
      </c>
      <c r="G7" s="2250">
        <v>-64</v>
      </c>
      <c r="H7" s="2251">
        <v>-5</v>
      </c>
      <c r="I7" s="2248">
        <v>-66</v>
      </c>
      <c r="J7" s="2248">
        <v>91</v>
      </c>
      <c r="K7" s="2252">
        <v>-463</v>
      </c>
      <c r="L7" s="2253">
        <v>-150</v>
      </c>
      <c r="M7" s="2248">
        <v>-714</v>
      </c>
      <c r="N7" s="2248">
        <v>91</v>
      </c>
    </row>
    <row r="8" spans="1:14" ht="20.149999999999999" customHeight="1" x14ac:dyDescent="0.25">
      <c r="A8" s="670" t="s">
        <v>644</v>
      </c>
      <c r="B8" s="2254">
        <v>-609</v>
      </c>
      <c r="C8" s="2246">
        <v>-711</v>
      </c>
      <c r="D8" s="2247">
        <v>-655</v>
      </c>
      <c r="E8" s="2248">
        <v>-203</v>
      </c>
      <c r="F8" s="2248">
        <v>12</v>
      </c>
      <c r="G8" s="2250">
        <v>-48</v>
      </c>
      <c r="H8" s="2251">
        <v>15</v>
      </c>
      <c r="I8" s="2248">
        <v>12</v>
      </c>
      <c r="J8" s="2248">
        <v>169</v>
      </c>
      <c r="K8" s="2252">
        <v>-1320</v>
      </c>
      <c r="L8" s="2253">
        <v>-36</v>
      </c>
      <c r="M8" s="2248">
        <v>-894</v>
      </c>
      <c r="N8" s="2248">
        <v>333</v>
      </c>
    </row>
    <row r="9" spans="1:14" ht="20.149999999999999" customHeight="1" x14ac:dyDescent="0.25">
      <c r="A9" s="669" t="s">
        <v>58</v>
      </c>
      <c r="B9" s="2254">
        <v>0</v>
      </c>
      <c r="C9" s="2246">
        <v>0</v>
      </c>
      <c r="D9" s="2247">
        <v>-1</v>
      </c>
      <c r="E9" s="2248">
        <v>4</v>
      </c>
      <c r="F9" s="2248">
        <v>0</v>
      </c>
      <c r="G9" s="2250">
        <v>0</v>
      </c>
      <c r="H9" s="2251">
        <v>-1</v>
      </c>
      <c r="I9" s="2248">
        <v>0</v>
      </c>
      <c r="J9" s="2248">
        <v>0</v>
      </c>
      <c r="K9" s="2252">
        <v>0</v>
      </c>
      <c r="L9" s="2253">
        <v>0</v>
      </c>
      <c r="M9" s="2248">
        <v>3</v>
      </c>
      <c r="N9" s="2248">
        <v>-1</v>
      </c>
    </row>
    <row r="10" spans="1:14" ht="20.149999999999999" customHeight="1" x14ac:dyDescent="0.25">
      <c r="A10" s="669" t="s">
        <v>804</v>
      </c>
      <c r="B10" s="2254">
        <v>70</v>
      </c>
      <c r="C10" s="2246">
        <v>4</v>
      </c>
      <c r="D10" s="2247">
        <v>274</v>
      </c>
      <c r="E10" s="2248">
        <v>60</v>
      </c>
      <c r="F10" s="2248">
        <v>111</v>
      </c>
      <c r="G10" s="2250">
        <v>124</v>
      </c>
      <c r="H10" s="2251">
        <v>346</v>
      </c>
      <c r="I10" s="2248">
        <v>99</v>
      </c>
      <c r="J10" s="2248">
        <v>84</v>
      </c>
      <c r="K10" s="2252">
        <v>74</v>
      </c>
      <c r="L10" s="2253">
        <v>235</v>
      </c>
      <c r="M10" s="2248">
        <v>569</v>
      </c>
      <c r="N10" s="2248">
        <v>700</v>
      </c>
    </row>
    <row r="11" spans="1:14" ht="20.149999999999999" customHeight="1" x14ac:dyDescent="0.25">
      <c r="A11" s="670" t="s">
        <v>56</v>
      </c>
      <c r="B11" s="2254">
        <v>-679</v>
      </c>
      <c r="C11" s="2246">
        <v>-715</v>
      </c>
      <c r="D11" s="2247">
        <v>-928</v>
      </c>
      <c r="E11" s="2248">
        <v>-267</v>
      </c>
      <c r="F11" s="2248">
        <v>-99</v>
      </c>
      <c r="G11" s="2250">
        <v>-172</v>
      </c>
      <c r="H11" s="2251">
        <v>-330</v>
      </c>
      <c r="I11" s="2248">
        <v>-87</v>
      </c>
      <c r="J11" s="2248">
        <v>85</v>
      </c>
      <c r="K11" s="2252">
        <v>-1394</v>
      </c>
      <c r="L11" s="2253">
        <v>-271</v>
      </c>
      <c r="M11" s="2248">
        <v>-1466</v>
      </c>
      <c r="N11" s="2248">
        <v>-366</v>
      </c>
    </row>
    <row r="12" spans="1:14" ht="20.149999999999999" customHeight="1" x14ac:dyDescent="0.25">
      <c r="A12" s="669" t="s">
        <v>890</v>
      </c>
      <c r="B12" s="2254">
        <v>-356</v>
      </c>
      <c r="C12" s="2246">
        <v>198</v>
      </c>
      <c r="D12" s="2247">
        <v>-325</v>
      </c>
      <c r="E12" s="2248">
        <v>-215</v>
      </c>
      <c r="F12" s="2248">
        <v>-89</v>
      </c>
      <c r="G12" s="2250">
        <v>-105</v>
      </c>
      <c r="H12" s="2251">
        <v>-155</v>
      </c>
      <c r="I12" s="2248">
        <v>-81</v>
      </c>
      <c r="J12" s="2248">
        <v>-46</v>
      </c>
      <c r="K12" s="2252">
        <v>-158</v>
      </c>
      <c r="L12" s="2253">
        <v>-194</v>
      </c>
      <c r="M12" s="2248">
        <v>-734</v>
      </c>
      <c r="N12" s="2248">
        <v>-362</v>
      </c>
    </row>
    <row r="13" spans="1:14" ht="20.149999999999999" customHeight="1" x14ac:dyDescent="0.25">
      <c r="A13" s="670" t="s">
        <v>72</v>
      </c>
      <c r="B13" s="2254">
        <v>-323</v>
      </c>
      <c r="C13" s="2246">
        <v>-913</v>
      </c>
      <c r="D13" s="2247">
        <v>-603</v>
      </c>
      <c r="E13" s="2248">
        <v>-52</v>
      </c>
      <c r="F13" s="2248">
        <v>-10</v>
      </c>
      <c r="G13" s="2250">
        <v>-67</v>
      </c>
      <c r="H13" s="2251">
        <v>-175</v>
      </c>
      <c r="I13" s="2248">
        <v>-6</v>
      </c>
      <c r="J13" s="2248">
        <v>131</v>
      </c>
      <c r="K13" s="2252">
        <v>-1236</v>
      </c>
      <c r="L13" s="2253">
        <v>-77</v>
      </c>
      <c r="M13" s="2248">
        <v>-732</v>
      </c>
      <c r="N13" s="2248">
        <v>-4</v>
      </c>
    </row>
    <row r="14" spans="1:14" ht="20.149999999999999" customHeight="1" x14ac:dyDescent="0.25">
      <c r="A14" s="669" t="s">
        <v>805</v>
      </c>
      <c r="B14" s="2254">
        <v>0</v>
      </c>
      <c r="C14" s="2246">
        <v>579</v>
      </c>
      <c r="D14" s="2247">
        <v>504</v>
      </c>
      <c r="E14" s="2248">
        <v>0</v>
      </c>
      <c r="F14" s="2248">
        <v>0</v>
      </c>
      <c r="G14" s="2250">
        <v>0</v>
      </c>
      <c r="H14" s="2251">
        <v>139</v>
      </c>
      <c r="I14" s="2248">
        <v>0</v>
      </c>
      <c r="J14" s="2248">
        <v>0</v>
      </c>
      <c r="K14" s="2252">
        <v>579</v>
      </c>
      <c r="L14" s="2253">
        <v>0</v>
      </c>
      <c r="M14" s="2248">
        <v>504</v>
      </c>
      <c r="N14" s="2248">
        <v>139</v>
      </c>
    </row>
    <row r="15" spans="1:14" ht="20.149999999999999" customHeight="1" x14ac:dyDescent="0.25">
      <c r="A15" s="670" t="s">
        <v>806</v>
      </c>
      <c r="B15" s="2254">
        <v>-323</v>
      </c>
      <c r="C15" s="2246">
        <v>-334</v>
      </c>
      <c r="D15" s="2247">
        <v>-99</v>
      </c>
      <c r="E15" s="2248">
        <v>-52</v>
      </c>
      <c r="F15" s="2248">
        <v>-10</v>
      </c>
      <c r="G15" s="2250">
        <v>-67</v>
      </c>
      <c r="H15" s="2251">
        <v>-36</v>
      </c>
      <c r="I15" s="2248">
        <v>-6</v>
      </c>
      <c r="J15" s="2248">
        <v>131</v>
      </c>
      <c r="K15" s="2252">
        <v>-657</v>
      </c>
      <c r="L15" s="2253">
        <v>-77</v>
      </c>
      <c r="M15" s="2248">
        <v>-228</v>
      </c>
      <c r="N15" s="2248">
        <v>135</v>
      </c>
    </row>
    <row r="16" spans="1:14" ht="20.149999999999999" customHeight="1" x14ac:dyDescent="0.25">
      <c r="A16" s="670"/>
      <c r="B16" s="2254"/>
      <c r="C16" s="2255"/>
      <c r="D16" s="2256"/>
      <c r="E16" s="2257"/>
      <c r="F16" s="2257"/>
      <c r="G16" s="2258"/>
      <c r="H16" s="2259"/>
      <c r="I16" s="2257"/>
      <c r="J16" s="2257"/>
      <c r="K16" s="2260"/>
      <c r="L16" s="2261"/>
      <c r="M16" s="2257"/>
      <c r="N16" s="2257"/>
    </row>
    <row r="17" spans="1:14" ht="29" x14ac:dyDescent="0.25">
      <c r="A17" s="1483" t="s">
        <v>807</v>
      </c>
      <c r="B17" s="2254">
        <v>0</v>
      </c>
      <c r="C17" s="2246">
        <v>0</v>
      </c>
      <c r="D17" s="2262">
        <v>0</v>
      </c>
      <c r="E17" s="2263">
        <v>0</v>
      </c>
      <c r="F17" s="2263">
        <v>0</v>
      </c>
      <c r="G17" s="2264">
        <v>0</v>
      </c>
      <c r="H17" s="2265">
        <v>-11</v>
      </c>
      <c r="I17" s="2263">
        <v>1</v>
      </c>
      <c r="J17" s="2263">
        <v>1</v>
      </c>
      <c r="K17" s="2266">
        <v>0</v>
      </c>
      <c r="L17" s="2267">
        <v>0</v>
      </c>
      <c r="M17" s="2263">
        <v>0</v>
      </c>
      <c r="N17" s="2263">
        <v>-10</v>
      </c>
    </row>
    <row r="18" spans="1:14" ht="29" x14ac:dyDescent="0.25">
      <c r="A18" s="1483" t="s">
        <v>764</v>
      </c>
      <c r="B18" s="2254">
        <v>-323</v>
      </c>
      <c r="C18" s="2246">
        <v>-913</v>
      </c>
      <c r="D18" s="2247">
        <v>-603</v>
      </c>
      <c r="E18" s="2248">
        <v>-52</v>
      </c>
      <c r="F18" s="2248">
        <v>-10</v>
      </c>
      <c r="G18" s="2250">
        <v>-67</v>
      </c>
      <c r="H18" s="2251">
        <v>-164</v>
      </c>
      <c r="I18" s="2248">
        <v>-7</v>
      </c>
      <c r="J18" s="2248">
        <v>130</v>
      </c>
      <c r="K18" s="2252">
        <v>-1236</v>
      </c>
      <c r="L18" s="2253">
        <v>-77</v>
      </c>
      <c r="M18" s="2248">
        <v>-732</v>
      </c>
      <c r="N18" s="2248">
        <v>6</v>
      </c>
    </row>
    <row r="19" spans="1:14" ht="20.149999999999999" customHeight="1" x14ac:dyDescent="0.25">
      <c r="A19" s="670"/>
      <c r="B19" s="2254"/>
      <c r="C19" s="2255"/>
      <c r="D19" s="2256"/>
      <c r="E19" s="2257"/>
      <c r="F19" s="2257"/>
      <c r="G19" s="2258"/>
      <c r="H19" s="2259"/>
      <c r="I19" s="2257"/>
      <c r="J19" s="2257"/>
      <c r="K19" s="2260"/>
      <c r="L19" s="2261"/>
      <c r="M19" s="2257"/>
      <c r="N19" s="2257"/>
    </row>
    <row r="20" spans="1:14" ht="31" x14ac:dyDescent="0.25">
      <c r="A20" s="1483" t="s">
        <v>808</v>
      </c>
      <c r="B20" s="2254">
        <v>0</v>
      </c>
      <c r="C20" s="2246">
        <v>0</v>
      </c>
      <c r="D20" s="2262">
        <v>1</v>
      </c>
      <c r="E20" s="2263">
        <v>0</v>
      </c>
      <c r="F20" s="2263">
        <v>0</v>
      </c>
      <c r="G20" s="2264">
        <v>0</v>
      </c>
      <c r="H20" s="2265">
        <v>-1</v>
      </c>
      <c r="I20" s="2263">
        <v>1</v>
      </c>
      <c r="J20" s="2263">
        <v>1</v>
      </c>
      <c r="K20" s="2266">
        <v>0</v>
      </c>
      <c r="L20" s="2267">
        <v>0</v>
      </c>
      <c r="M20" s="2263">
        <v>1</v>
      </c>
      <c r="N20" s="2263">
        <v>0</v>
      </c>
    </row>
    <row r="21" spans="1:14" ht="31" x14ac:dyDescent="0.25">
      <c r="A21" s="1484" t="s">
        <v>809</v>
      </c>
      <c r="B21" s="2268">
        <v>-323</v>
      </c>
      <c r="C21" s="2269">
        <v>-334</v>
      </c>
      <c r="D21" s="2270">
        <v>-100</v>
      </c>
      <c r="E21" s="2271">
        <v>-52</v>
      </c>
      <c r="F21" s="2271">
        <v>-10</v>
      </c>
      <c r="G21" s="2272">
        <v>-67</v>
      </c>
      <c r="H21" s="2273">
        <v>-35</v>
      </c>
      <c r="I21" s="2271">
        <v>-7</v>
      </c>
      <c r="J21" s="2271">
        <v>130</v>
      </c>
      <c r="K21" s="2274">
        <v>-657</v>
      </c>
      <c r="L21" s="2275">
        <v>-77</v>
      </c>
      <c r="M21" s="2271">
        <v>-229</v>
      </c>
      <c r="N21" s="2271">
        <v>135</v>
      </c>
    </row>
    <row r="22" spans="1:14" ht="20" customHeight="1" x14ac:dyDescent="0.25">
      <c r="A22" s="672" t="s">
        <v>697</v>
      </c>
      <c r="B22" s="2276"/>
      <c r="C22" s="2277"/>
      <c r="D22" s="2278"/>
      <c r="E22" s="2279"/>
      <c r="F22" s="2279"/>
      <c r="G22" s="2280"/>
      <c r="H22" s="2281"/>
      <c r="I22" s="2279"/>
      <c r="J22" s="2279"/>
      <c r="K22" s="2282"/>
      <c r="L22" s="2283"/>
      <c r="M22" s="2279"/>
      <c r="N22" s="2279"/>
    </row>
    <row r="23" spans="1:14" ht="20.149999999999999" customHeight="1" x14ac:dyDescent="0.25">
      <c r="A23" s="673" t="s">
        <v>578</v>
      </c>
      <c r="B23" s="2284">
        <v>179.2</v>
      </c>
      <c r="C23" s="2285">
        <v>187.2</v>
      </c>
      <c r="D23" s="2286">
        <v>175.4</v>
      </c>
      <c r="E23" s="2287">
        <v>172.6</v>
      </c>
      <c r="F23" s="2287">
        <v>173.4</v>
      </c>
      <c r="G23" s="2288">
        <v>155.1</v>
      </c>
      <c r="H23" s="2289">
        <v>143.4</v>
      </c>
      <c r="I23" s="2287">
        <v>143.1</v>
      </c>
      <c r="J23" s="2287">
        <v>157.19999999999999</v>
      </c>
      <c r="K23" s="2290">
        <v>183.7</v>
      </c>
      <c r="L23" s="2291">
        <v>163.5</v>
      </c>
      <c r="M23" s="2292">
        <v>168</v>
      </c>
      <c r="N23" s="2287">
        <v>152.4</v>
      </c>
    </row>
    <row r="24" spans="1:14" ht="20.149999999999999" customHeight="1" x14ac:dyDescent="0.25">
      <c r="A24" s="671" t="s">
        <v>583</v>
      </c>
      <c r="B24" s="2293">
        <v>278.2</v>
      </c>
      <c r="C24" s="2294">
        <v>282.8</v>
      </c>
      <c r="D24" s="2295">
        <v>277.3</v>
      </c>
      <c r="E24" s="2296">
        <v>262.39999999999998</v>
      </c>
      <c r="F24" s="2296">
        <v>269.2</v>
      </c>
      <c r="G24" s="2297">
        <v>246.6</v>
      </c>
      <c r="H24" s="2298">
        <v>206.1</v>
      </c>
      <c r="I24" s="2296">
        <v>193</v>
      </c>
      <c r="J24" s="2296">
        <v>178.3</v>
      </c>
      <c r="K24" s="2299">
        <v>280.89999999999998</v>
      </c>
      <c r="L24" s="2300">
        <v>257.39999999999998</v>
      </c>
      <c r="M24" s="2296">
        <v>262.7</v>
      </c>
      <c r="N24" s="2296">
        <v>193.8</v>
      </c>
    </row>
    <row r="25" spans="1:14" ht="20.5" customHeight="1" x14ac:dyDescent="0.25">
      <c r="A25" s="2301" t="s">
        <v>810</v>
      </c>
      <c r="B25" s="2276"/>
      <c r="C25" s="2277"/>
      <c r="D25" s="2278"/>
      <c r="E25" s="2279"/>
      <c r="F25" s="2279"/>
      <c r="G25" s="2280"/>
      <c r="H25" s="2281"/>
      <c r="I25" s="2279"/>
      <c r="J25" s="2279"/>
      <c r="K25" s="2282"/>
      <c r="L25" s="2283"/>
      <c r="M25" s="2279"/>
      <c r="N25" s="2279"/>
    </row>
    <row r="26" spans="1:14" ht="12" customHeight="1" x14ac:dyDescent="0.25">
      <c r="A26" s="2302" t="s">
        <v>811</v>
      </c>
      <c r="B26" s="2254">
        <v>10</v>
      </c>
      <c r="C26" s="2303">
        <v>10</v>
      </c>
      <c r="D26" s="2247">
        <v>12</v>
      </c>
      <c r="E26" s="2248">
        <v>11</v>
      </c>
      <c r="F26" s="2248">
        <v>10</v>
      </c>
      <c r="G26" s="2250">
        <v>9</v>
      </c>
      <c r="H26" s="2251">
        <v>7</v>
      </c>
      <c r="I26" s="2248">
        <v>5</v>
      </c>
      <c r="J26" s="2248">
        <v>5</v>
      </c>
      <c r="K26" s="2266">
        <v>20</v>
      </c>
      <c r="L26" s="2267">
        <v>19</v>
      </c>
      <c r="M26" s="2248">
        <v>42</v>
      </c>
      <c r="N26" s="2248">
        <v>22</v>
      </c>
    </row>
    <row r="27" spans="1:14" ht="23.5" customHeight="1" x14ac:dyDescent="0.25">
      <c r="A27" s="2304" t="s">
        <v>812</v>
      </c>
      <c r="B27" s="2254">
        <v>109</v>
      </c>
      <c r="C27" s="2246">
        <v>110</v>
      </c>
      <c r="D27" s="2247">
        <v>87</v>
      </c>
      <c r="E27" s="2248">
        <v>81</v>
      </c>
      <c r="F27" s="2248">
        <v>82</v>
      </c>
      <c r="G27" s="2250">
        <v>83</v>
      </c>
      <c r="H27" s="2251">
        <v>84</v>
      </c>
      <c r="I27" s="2248">
        <v>69</v>
      </c>
      <c r="J27" s="2248">
        <v>71</v>
      </c>
      <c r="K27" s="2266">
        <v>219</v>
      </c>
      <c r="L27" s="2267">
        <v>165</v>
      </c>
      <c r="M27" s="2248">
        <v>333</v>
      </c>
      <c r="N27" s="2248">
        <v>288</v>
      </c>
    </row>
    <row r="28" spans="1:14" ht="25.5" customHeight="1" x14ac:dyDescent="0.25">
      <c r="A28" s="2305" t="s">
        <v>813</v>
      </c>
      <c r="B28" s="2254">
        <v>119</v>
      </c>
      <c r="C28" s="2246">
        <v>120</v>
      </c>
      <c r="D28" s="2247">
        <v>99</v>
      </c>
      <c r="E28" s="2263">
        <v>92</v>
      </c>
      <c r="F28" s="2263">
        <v>92</v>
      </c>
      <c r="G28" s="2264">
        <v>92</v>
      </c>
      <c r="H28" s="2251">
        <v>91</v>
      </c>
      <c r="I28" s="2263">
        <v>74</v>
      </c>
      <c r="J28" s="2263">
        <v>76</v>
      </c>
      <c r="K28" s="2266">
        <v>239</v>
      </c>
      <c r="L28" s="2267">
        <v>184</v>
      </c>
      <c r="M28" s="2263">
        <v>375</v>
      </c>
      <c r="N28" s="2263">
        <v>310</v>
      </c>
    </row>
    <row r="29" spans="1:14" ht="12" customHeight="1" x14ac:dyDescent="0.25">
      <c r="A29" s="2306" t="s">
        <v>814</v>
      </c>
      <c r="B29" s="2307">
        <v>-119</v>
      </c>
      <c r="C29" s="700">
        <v>-120</v>
      </c>
      <c r="D29" s="2308">
        <v>-99</v>
      </c>
      <c r="E29" s="2309">
        <v>-92</v>
      </c>
      <c r="F29" s="2309">
        <v>-92</v>
      </c>
      <c r="G29" s="700">
        <v>-92</v>
      </c>
      <c r="H29" s="2308">
        <v>-91</v>
      </c>
      <c r="I29" s="2309">
        <v>-74</v>
      </c>
      <c r="J29" s="2309">
        <v>-76</v>
      </c>
      <c r="K29" s="2310">
        <v>-239</v>
      </c>
      <c r="L29" s="700">
        <v>-184</v>
      </c>
      <c r="M29" s="2309">
        <v>-375</v>
      </c>
      <c r="N29" s="2309">
        <v>-310</v>
      </c>
    </row>
    <row r="30" spans="1:14" ht="26.5" customHeight="1" x14ac:dyDescent="0.25">
      <c r="A30" s="2311"/>
      <c r="B30" s="1509"/>
      <c r="C30" s="1509"/>
      <c r="D30" s="1509"/>
      <c r="E30" s="1509"/>
      <c r="F30" s="1509"/>
      <c r="G30" s="1509"/>
      <c r="H30" s="1509"/>
      <c r="I30" s="1509"/>
      <c r="J30" s="1509"/>
      <c r="K30" s="1509"/>
      <c r="L30" s="1509"/>
      <c r="M30" s="1509"/>
      <c r="N30" s="1509"/>
    </row>
    <row r="31" spans="1:14" ht="12.65" customHeight="1" x14ac:dyDescent="0.25">
      <c r="A31" s="3205" t="s">
        <v>271</v>
      </c>
      <c r="B31" s="3205" t="s">
        <v>38</v>
      </c>
      <c r="C31" s="3205" t="s">
        <v>38</v>
      </c>
      <c r="D31" s="3205" t="s">
        <v>38</v>
      </c>
      <c r="E31" s="3205" t="s">
        <v>38</v>
      </c>
      <c r="F31" s="3205" t="s">
        <v>38</v>
      </c>
      <c r="G31" s="3205" t="s">
        <v>38</v>
      </c>
      <c r="H31" s="3205" t="s">
        <v>38</v>
      </c>
      <c r="I31" s="3205" t="s">
        <v>38</v>
      </c>
      <c r="J31" s="3205" t="s">
        <v>38</v>
      </c>
      <c r="K31" s="3205" t="s">
        <v>38</v>
      </c>
      <c r="L31" s="3205" t="s">
        <v>38</v>
      </c>
      <c r="M31" s="674"/>
      <c r="N31" s="674"/>
    </row>
    <row r="32" spans="1:14" ht="25.5" customHeight="1" x14ac:dyDescent="0.25">
      <c r="A32" s="3204" t="s">
        <v>896</v>
      </c>
      <c r="B32" s="3204" t="s">
        <v>38</v>
      </c>
      <c r="C32" s="3204" t="s">
        <v>38</v>
      </c>
      <c r="D32" s="3204" t="s">
        <v>38</v>
      </c>
      <c r="E32" s="3204" t="s">
        <v>38</v>
      </c>
      <c r="F32" s="3204" t="s">
        <v>38</v>
      </c>
      <c r="G32" s="3204" t="s">
        <v>38</v>
      </c>
      <c r="H32" s="3204" t="s">
        <v>38</v>
      </c>
      <c r="I32" s="3204" t="s">
        <v>38</v>
      </c>
      <c r="J32" s="3204" t="s">
        <v>38</v>
      </c>
      <c r="K32" s="3204" t="s">
        <v>38</v>
      </c>
      <c r="L32" s="3204" t="s">
        <v>38</v>
      </c>
      <c r="M32" s="3204" t="s">
        <v>38</v>
      </c>
      <c r="N32" s="3204" t="s">
        <v>38</v>
      </c>
    </row>
    <row r="33" spans="1:14" ht="10.4" customHeight="1" x14ac:dyDescent="0.25">
      <c r="A33" s="3205" t="s">
        <v>815</v>
      </c>
      <c r="B33" s="3205" t="s">
        <v>38</v>
      </c>
      <c r="C33" s="3205" t="s">
        <v>38</v>
      </c>
      <c r="D33" s="3205" t="s">
        <v>38</v>
      </c>
      <c r="E33" s="3205" t="s">
        <v>38</v>
      </c>
      <c r="F33" s="3205" t="s">
        <v>38</v>
      </c>
      <c r="G33" s="3205" t="s">
        <v>38</v>
      </c>
      <c r="H33" s="3205" t="s">
        <v>38</v>
      </c>
      <c r="I33" s="3205" t="s">
        <v>38</v>
      </c>
      <c r="J33" s="3205" t="s">
        <v>38</v>
      </c>
      <c r="K33" s="3205" t="s">
        <v>38</v>
      </c>
      <c r="L33" s="3205" t="s">
        <v>38</v>
      </c>
      <c r="M33" s="674"/>
      <c r="N33" s="674"/>
    </row>
    <row r="34" spans="1:14" ht="27" customHeight="1" x14ac:dyDescent="0.25">
      <c r="A34" s="3204" t="s">
        <v>816</v>
      </c>
      <c r="B34" s="3205" t="s">
        <v>38</v>
      </c>
      <c r="C34" s="3205" t="s">
        <v>38</v>
      </c>
      <c r="D34" s="3205" t="s">
        <v>38</v>
      </c>
      <c r="E34" s="3205" t="s">
        <v>38</v>
      </c>
      <c r="F34" s="3205" t="s">
        <v>38</v>
      </c>
      <c r="G34" s="3205" t="s">
        <v>38</v>
      </c>
      <c r="H34" s="3205" t="s">
        <v>38</v>
      </c>
      <c r="I34" s="3205" t="s">
        <v>38</v>
      </c>
      <c r="J34" s="3205" t="s">
        <v>38</v>
      </c>
      <c r="K34" s="3205" t="s">
        <v>38</v>
      </c>
      <c r="L34" s="3205" t="s">
        <v>38</v>
      </c>
      <c r="M34" s="3205" t="s">
        <v>38</v>
      </c>
      <c r="N34" s="3205" t="s">
        <v>38</v>
      </c>
    </row>
    <row r="35" spans="1:14" x14ac:dyDescent="0.25">
      <c r="A35" s="3204" t="s">
        <v>817</v>
      </c>
      <c r="B35" s="3204" t="s">
        <v>38</v>
      </c>
      <c r="C35" s="3204" t="s">
        <v>38</v>
      </c>
      <c r="D35" s="3204" t="s">
        <v>38</v>
      </c>
      <c r="E35" s="3204" t="s">
        <v>38</v>
      </c>
      <c r="F35" s="3204" t="s">
        <v>38</v>
      </c>
      <c r="G35" s="3204" t="s">
        <v>38</v>
      </c>
      <c r="H35" s="3204" t="s">
        <v>38</v>
      </c>
      <c r="I35" s="3204" t="s">
        <v>38</v>
      </c>
      <c r="J35" s="3204" t="s">
        <v>38</v>
      </c>
      <c r="K35" s="3204" t="s">
        <v>38</v>
      </c>
      <c r="L35" s="3204" t="s">
        <v>38</v>
      </c>
      <c r="M35" s="3204" t="s">
        <v>38</v>
      </c>
      <c r="N35" s="3204" t="s">
        <v>38</v>
      </c>
    </row>
  </sheetData>
  <mergeCells count="11">
    <mergeCell ref="A32:N32"/>
    <mergeCell ref="A33:L33"/>
    <mergeCell ref="A34:N34"/>
    <mergeCell ref="A35:N35"/>
    <mergeCell ref="A2:N2"/>
    <mergeCell ref="B3:C3"/>
    <mergeCell ref="D3:G3"/>
    <mergeCell ref="H3:J3"/>
    <mergeCell ref="K3:L3"/>
    <mergeCell ref="M3:N3"/>
    <mergeCell ref="A31:L31"/>
  </mergeCells>
  <hyperlinks>
    <hyperlink ref="A1" location="TDM!A1" display="Retour à la table des matières" xr:uid="{00000000-0004-0000-0E00-000000000000}"/>
  </hyperlinks>
  <printOptions horizontalCentered="1"/>
  <pageMargins left="0.51181102362204722" right="0.51181102362204722" top="0.51181102362204722" bottom="0.51181102362204722" header="0.23622047244094491" footer="0.23622047244094491"/>
  <pageSetup scale="57" orientation="landscape" r:id="rId1"/>
  <headerFooter>
    <oddFooter>&amp;L&amp;G&amp;C&amp;"Scotia,Regular"&amp;9Informations financières supplémentaires (IFS)&amp;R&amp;"Scotia,Regular"&amp;9&amp;A</oddFooter>
  </headerFooter>
  <legacyDrawingHF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B732E6-4372-455C-BC9F-28B1F9112849}">
  <sheetPr>
    <pageSetUpPr fitToPage="1"/>
  </sheetPr>
  <dimension ref="A1:N37"/>
  <sheetViews>
    <sheetView showGridLines="0" zoomScaleNormal="100" workbookViewId="0"/>
  </sheetViews>
  <sheetFormatPr defaultColWidth="8.7265625" defaultRowHeight="12.5" x14ac:dyDescent="0.25"/>
  <cols>
    <col min="1" max="1" width="71.81640625" style="25" customWidth="1"/>
    <col min="2" max="10" width="8.26953125" style="25" customWidth="1"/>
    <col min="11" max="11" width="11.54296875" style="25" customWidth="1"/>
    <col min="12" max="12" width="8.26953125" style="25" customWidth="1"/>
    <col min="13" max="14" width="8.81640625" style="25" customWidth="1"/>
    <col min="15" max="16384" width="8.7265625" style="25"/>
  </cols>
  <sheetData>
    <row r="1" spans="1:14" ht="20.149999999999999" customHeight="1" x14ac:dyDescent="0.25">
      <c r="A1" s="24" t="s">
        <v>37</v>
      </c>
    </row>
    <row r="2" spans="1:14" ht="24.65" customHeight="1" x14ac:dyDescent="0.25">
      <c r="A2" s="3214" t="s">
        <v>23</v>
      </c>
      <c r="B2" s="3214" t="s">
        <v>38</v>
      </c>
      <c r="C2" s="3214" t="s">
        <v>38</v>
      </c>
      <c r="D2" s="3214" t="s">
        <v>38</v>
      </c>
      <c r="E2" s="3214" t="s">
        <v>38</v>
      </c>
      <c r="F2" s="3214" t="s">
        <v>38</v>
      </c>
      <c r="G2" s="3214" t="s">
        <v>38</v>
      </c>
      <c r="H2" s="3214" t="s">
        <v>38</v>
      </c>
      <c r="I2" s="3214" t="s">
        <v>38</v>
      </c>
      <c r="J2" s="3214" t="s">
        <v>38</v>
      </c>
      <c r="K2" s="3214" t="s">
        <v>38</v>
      </c>
      <c r="L2" s="3214" t="s">
        <v>38</v>
      </c>
      <c r="M2" s="3214" t="s">
        <v>38</v>
      </c>
      <c r="N2" s="3214" t="s">
        <v>38</v>
      </c>
    </row>
    <row r="3" spans="1:14" ht="15" customHeight="1" x14ac:dyDescent="0.25">
      <c r="A3" s="675"/>
      <c r="B3" s="3215" t="s">
        <v>174</v>
      </c>
      <c r="C3" s="3216" t="s">
        <v>38</v>
      </c>
      <c r="D3" s="3217" t="s">
        <v>240</v>
      </c>
      <c r="E3" s="3218" t="s">
        <v>38</v>
      </c>
      <c r="F3" s="3218" t="s">
        <v>38</v>
      </c>
      <c r="G3" s="3219" t="s">
        <v>38</v>
      </c>
      <c r="H3" s="3217" t="s">
        <v>241</v>
      </c>
      <c r="I3" s="3218" t="s">
        <v>38</v>
      </c>
      <c r="J3" s="3218" t="s">
        <v>38</v>
      </c>
      <c r="K3" s="3220" t="s">
        <v>716</v>
      </c>
      <c r="L3" s="3221" t="s">
        <v>38</v>
      </c>
      <c r="M3" s="3218" t="s">
        <v>717</v>
      </c>
      <c r="N3" s="3218" t="s">
        <v>38</v>
      </c>
    </row>
    <row r="4" spans="1:14" ht="15" customHeight="1" x14ac:dyDescent="0.25">
      <c r="A4" s="676" t="s">
        <v>46</v>
      </c>
      <c r="B4" s="677" t="s">
        <v>49</v>
      </c>
      <c r="C4" s="678" t="s">
        <v>45</v>
      </c>
      <c r="D4" s="679" t="s">
        <v>569</v>
      </c>
      <c r="E4" s="680" t="s">
        <v>570</v>
      </c>
      <c r="F4" s="680" t="s">
        <v>49</v>
      </c>
      <c r="G4" s="678" t="s">
        <v>45</v>
      </c>
      <c r="H4" s="681" t="s">
        <v>569</v>
      </c>
      <c r="I4" s="680" t="s">
        <v>570</v>
      </c>
      <c r="J4" s="680" t="s">
        <v>49</v>
      </c>
      <c r="K4" s="682">
        <v>2023</v>
      </c>
      <c r="L4" s="683">
        <v>2022</v>
      </c>
      <c r="M4" s="684">
        <v>2022</v>
      </c>
      <c r="N4" s="684">
        <v>2021</v>
      </c>
    </row>
    <row r="5" spans="1:14" ht="15" customHeight="1" x14ac:dyDescent="0.25">
      <c r="A5" s="685" t="s">
        <v>273</v>
      </c>
      <c r="B5" s="2312">
        <v>190</v>
      </c>
      <c r="C5" s="686">
        <v>201</v>
      </c>
      <c r="D5" s="2313">
        <v>195</v>
      </c>
      <c r="E5" s="2314">
        <v>187</v>
      </c>
      <c r="F5" s="2314">
        <v>207</v>
      </c>
      <c r="G5" s="687">
        <v>190</v>
      </c>
      <c r="H5" s="2315">
        <v>187</v>
      </c>
      <c r="I5" s="2314">
        <v>177</v>
      </c>
      <c r="J5" s="2314">
        <v>181</v>
      </c>
      <c r="K5" s="2315">
        <v>391</v>
      </c>
      <c r="L5" s="2316">
        <v>397</v>
      </c>
      <c r="M5" s="2314">
        <v>779</v>
      </c>
      <c r="N5" s="2314">
        <v>749</v>
      </c>
    </row>
    <row r="6" spans="1:14" ht="15" customHeight="1" x14ac:dyDescent="0.25">
      <c r="A6" s="688" t="s">
        <v>274</v>
      </c>
      <c r="B6" s="2317">
        <v>462</v>
      </c>
      <c r="C6" s="689">
        <v>469</v>
      </c>
      <c r="D6" s="2318">
        <v>456</v>
      </c>
      <c r="E6" s="2319">
        <v>447</v>
      </c>
      <c r="F6" s="2319">
        <v>430</v>
      </c>
      <c r="G6" s="690">
        <v>437</v>
      </c>
      <c r="H6" s="2320">
        <v>414</v>
      </c>
      <c r="I6" s="2319">
        <v>400</v>
      </c>
      <c r="J6" s="2319">
        <v>399</v>
      </c>
      <c r="K6" s="2320">
        <v>931</v>
      </c>
      <c r="L6" s="2321">
        <v>867</v>
      </c>
      <c r="M6" s="2319">
        <v>1770</v>
      </c>
      <c r="N6" s="2319">
        <v>1598</v>
      </c>
    </row>
    <row r="7" spans="1:14" ht="15" customHeight="1" x14ac:dyDescent="0.25">
      <c r="A7" s="688" t="s">
        <v>275</v>
      </c>
      <c r="B7" s="2317">
        <v>447</v>
      </c>
      <c r="C7" s="689">
        <v>466</v>
      </c>
      <c r="D7" s="2318">
        <v>451</v>
      </c>
      <c r="E7" s="2319">
        <v>398</v>
      </c>
      <c r="F7" s="2319">
        <v>397</v>
      </c>
      <c r="G7" s="690">
        <v>401</v>
      </c>
      <c r="H7" s="2320">
        <v>368</v>
      </c>
      <c r="I7" s="2319">
        <v>382</v>
      </c>
      <c r="J7" s="2319">
        <v>377</v>
      </c>
      <c r="K7" s="2320">
        <v>913</v>
      </c>
      <c r="L7" s="2321">
        <v>798</v>
      </c>
      <c r="M7" s="2319">
        <v>1647</v>
      </c>
      <c r="N7" s="2319">
        <v>1485</v>
      </c>
    </row>
    <row r="8" spans="1:14" ht="15" customHeight="1" x14ac:dyDescent="0.25">
      <c r="A8" s="691" t="s">
        <v>276</v>
      </c>
      <c r="B8" s="2317">
        <v>1099</v>
      </c>
      <c r="C8" s="689">
        <v>1136</v>
      </c>
      <c r="D8" s="2318">
        <v>1102</v>
      </c>
      <c r="E8" s="2319">
        <v>1032</v>
      </c>
      <c r="F8" s="2319">
        <v>1034</v>
      </c>
      <c r="G8" s="690">
        <v>1028</v>
      </c>
      <c r="H8" s="2320">
        <v>969</v>
      </c>
      <c r="I8" s="2319">
        <v>959</v>
      </c>
      <c r="J8" s="2319">
        <v>957</v>
      </c>
      <c r="K8" s="2320">
        <v>2235</v>
      </c>
      <c r="L8" s="2321">
        <v>2062</v>
      </c>
      <c r="M8" s="2319">
        <v>4196</v>
      </c>
      <c r="N8" s="2319">
        <v>3832</v>
      </c>
    </row>
    <row r="9" spans="1:14" ht="15" customHeight="1" x14ac:dyDescent="0.25">
      <c r="A9" s="692"/>
      <c r="B9" s="2322"/>
      <c r="C9" s="693"/>
      <c r="D9" s="2323"/>
      <c r="E9" s="2324"/>
      <c r="F9" s="2324"/>
      <c r="G9" s="694"/>
      <c r="H9" s="2325"/>
      <c r="I9" s="2324"/>
      <c r="J9" s="2324"/>
      <c r="K9" s="2325"/>
      <c r="L9" s="2326"/>
      <c r="M9" s="2324"/>
      <c r="N9" s="2324"/>
    </row>
    <row r="10" spans="1:14" ht="15" customHeight="1" x14ac:dyDescent="0.25">
      <c r="A10" s="688" t="s">
        <v>277</v>
      </c>
      <c r="B10" s="2317">
        <v>527</v>
      </c>
      <c r="C10" s="689">
        <v>532</v>
      </c>
      <c r="D10" s="2318">
        <v>528</v>
      </c>
      <c r="E10" s="2319">
        <v>538</v>
      </c>
      <c r="F10" s="2319">
        <v>575</v>
      </c>
      <c r="G10" s="690">
        <v>628</v>
      </c>
      <c r="H10" s="2320">
        <v>605</v>
      </c>
      <c r="I10" s="2319">
        <v>580</v>
      </c>
      <c r="J10" s="2319">
        <v>548</v>
      </c>
      <c r="K10" s="2320">
        <v>1059</v>
      </c>
      <c r="L10" s="2321">
        <v>1203</v>
      </c>
      <c r="M10" s="2319">
        <v>2269</v>
      </c>
      <c r="N10" s="2319">
        <v>2394</v>
      </c>
    </row>
    <row r="11" spans="1:14" ht="15" customHeight="1" x14ac:dyDescent="0.25">
      <c r="A11" s="688" t="s">
        <v>278</v>
      </c>
      <c r="B11" s="2317">
        <v>269</v>
      </c>
      <c r="C11" s="689">
        <v>279</v>
      </c>
      <c r="D11" s="2318">
        <v>264</v>
      </c>
      <c r="E11" s="2319">
        <v>276</v>
      </c>
      <c r="F11" s="2319">
        <v>287</v>
      </c>
      <c r="G11" s="690">
        <v>298</v>
      </c>
      <c r="H11" s="2320">
        <v>265</v>
      </c>
      <c r="I11" s="2319">
        <v>263</v>
      </c>
      <c r="J11" s="2319">
        <v>259</v>
      </c>
      <c r="K11" s="2320">
        <v>548</v>
      </c>
      <c r="L11" s="2321">
        <v>585</v>
      </c>
      <c r="M11" s="2319">
        <v>1125</v>
      </c>
      <c r="N11" s="2319">
        <v>1039</v>
      </c>
    </row>
    <row r="12" spans="1:14" ht="15" customHeight="1" x14ac:dyDescent="0.25">
      <c r="A12" s="688" t="s">
        <v>279</v>
      </c>
      <c r="B12" s="2322"/>
      <c r="C12" s="693"/>
      <c r="D12" s="2323"/>
      <c r="E12" s="2324"/>
      <c r="F12" s="2324"/>
      <c r="G12" s="694"/>
      <c r="H12" s="2325"/>
      <c r="I12" s="2324"/>
      <c r="J12" s="2324"/>
      <c r="K12" s="2325"/>
      <c r="L12" s="2326"/>
      <c r="M12" s="2324"/>
      <c r="N12" s="2324"/>
    </row>
    <row r="13" spans="1:14" ht="15" customHeight="1" x14ac:dyDescent="0.25">
      <c r="A13" s="695" t="s">
        <v>280</v>
      </c>
      <c r="B13" s="2317">
        <v>196</v>
      </c>
      <c r="C13" s="689">
        <v>198</v>
      </c>
      <c r="D13" s="2318">
        <v>190</v>
      </c>
      <c r="E13" s="2319">
        <v>196</v>
      </c>
      <c r="F13" s="2319">
        <v>202</v>
      </c>
      <c r="G13" s="690">
        <v>207</v>
      </c>
      <c r="H13" s="2320">
        <v>202</v>
      </c>
      <c r="I13" s="2319">
        <v>199</v>
      </c>
      <c r="J13" s="2319">
        <v>193</v>
      </c>
      <c r="K13" s="2320">
        <v>394</v>
      </c>
      <c r="L13" s="2321">
        <v>409</v>
      </c>
      <c r="M13" s="2319">
        <v>795</v>
      </c>
      <c r="N13" s="2319">
        <v>792</v>
      </c>
    </row>
    <row r="14" spans="1:14" ht="15" customHeight="1" x14ac:dyDescent="0.25">
      <c r="A14" s="695" t="s">
        <v>281</v>
      </c>
      <c r="B14" s="2317">
        <v>60</v>
      </c>
      <c r="C14" s="689">
        <v>55</v>
      </c>
      <c r="D14" s="2318">
        <v>52</v>
      </c>
      <c r="E14" s="2319">
        <v>51</v>
      </c>
      <c r="F14" s="2319">
        <v>52</v>
      </c>
      <c r="G14" s="690">
        <v>49</v>
      </c>
      <c r="H14" s="2320">
        <v>49</v>
      </c>
      <c r="I14" s="2319">
        <v>53</v>
      </c>
      <c r="J14" s="2319">
        <v>52</v>
      </c>
      <c r="K14" s="2320">
        <v>115</v>
      </c>
      <c r="L14" s="2321">
        <v>101</v>
      </c>
      <c r="M14" s="2319">
        <v>204</v>
      </c>
      <c r="N14" s="2319">
        <v>202</v>
      </c>
    </row>
    <row r="15" spans="1:14" ht="15" customHeight="1" x14ac:dyDescent="0.25">
      <c r="A15" s="688" t="s">
        <v>282</v>
      </c>
      <c r="B15" s="2317">
        <v>256</v>
      </c>
      <c r="C15" s="689">
        <v>253</v>
      </c>
      <c r="D15" s="2318">
        <v>242</v>
      </c>
      <c r="E15" s="2319">
        <v>247</v>
      </c>
      <c r="F15" s="2319">
        <v>254</v>
      </c>
      <c r="G15" s="690">
        <v>256</v>
      </c>
      <c r="H15" s="2320">
        <v>251</v>
      </c>
      <c r="I15" s="2319">
        <v>252</v>
      </c>
      <c r="J15" s="2319">
        <v>245</v>
      </c>
      <c r="K15" s="2320">
        <v>509</v>
      </c>
      <c r="L15" s="2321">
        <v>510</v>
      </c>
      <c r="M15" s="2319">
        <v>999</v>
      </c>
      <c r="N15" s="2319">
        <v>994</v>
      </c>
    </row>
    <row r="16" spans="1:14" ht="15" customHeight="1" x14ac:dyDescent="0.25">
      <c r="A16" s="691" t="s">
        <v>283</v>
      </c>
      <c r="B16" s="2317">
        <v>1052</v>
      </c>
      <c r="C16" s="689">
        <v>1064</v>
      </c>
      <c r="D16" s="2318">
        <v>1034</v>
      </c>
      <c r="E16" s="2319">
        <v>1061</v>
      </c>
      <c r="F16" s="2319">
        <v>1116</v>
      </c>
      <c r="G16" s="690">
        <v>1182</v>
      </c>
      <c r="H16" s="2320">
        <v>1121</v>
      </c>
      <c r="I16" s="2319">
        <v>1095</v>
      </c>
      <c r="J16" s="2319">
        <v>1052</v>
      </c>
      <c r="K16" s="2320">
        <v>2116</v>
      </c>
      <c r="L16" s="2321">
        <v>2298</v>
      </c>
      <c r="M16" s="2319">
        <v>4393</v>
      </c>
      <c r="N16" s="2319">
        <v>4427</v>
      </c>
    </row>
    <row r="17" spans="1:14" ht="15" customHeight="1" x14ac:dyDescent="0.25">
      <c r="A17" s="692"/>
      <c r="B17" s="2322"/>
      <c r="C17" s="693"/>
      <c r="D17" s="2323"/>
      <c r="E17" s="2324"/>
      <c r="F17" s="2324"/>
      <c r="G17" s="694"/>
      <c r="H17" s="2325"/>
      <c r="I17" s="2324"/>
      <c r="J17" s="2324"/>
      <c r="K17" s="2325"/>
      <c r="L17" s="2326"/>
      <c r="M17" s="2324"/>
      <c r="N17" s="2324"/>
    </row>
    <row r="18" spans="1:14" ht="15" customHeight="1" x14ac:dyDescent="0.25">
      <c r="A18" s="691" t="s">
        <v>284</v>
      </c>
      <c r="B18" s="2317">
        <v>154</v>
      </c>
      <c r="C18" s="689">
        <v>102</v>
      </c>
      <c r="D18" s="2318">
        <v>136</v>
      </c>
      <c r="E18" s="2319">
        <v>98</v>
      </c>
      <c r="F18" s="2319">
        <v>137</v>
      </c>
      <c r="G18" s="690">
        <v>172</v>
      </c>
      <c r="H18" s="2320">
        <v>144</v>
      </c>
      <c r="I18" s="2319">
        <v>198</v>
      </c>
      <c r="J18" s="2319">
        <v>216</v>
      </c>
      <c r="K18" s="2320">
        <v>256</v>
      </c>
      <c r="L18" s="2321">
        <v>309</v>
      </c>
      <c r="M18" s="2319">
        <v>543</v>
      </c>
      <c r="N18" s="2319">
        <v>724</v>
      </c>
    </row>
    <row r="19" spans="1:14" ht="15" customHeight="1" x14ac:dyDescent="0.25">
      <c r="A19" s="691" t="s">
        <v>285</v>
      </c>
      <c r="B19" s="2317">
        <v>227</v>
      </c>
      <c r="C19" s="689">
        <v>232</v>
      </c>
      <c r="D19" s="2318">
        <v>228</v>
      </c>
      <c r="E19" s="2319">
        <v>209</v>
      </c>
      <c r="F19" s="2319">
        <v>216</v>
      </c>
      <c r="G19" s="690">
        <v>225</v>
      </c>
      <c r="H19" s="2320">
        <v>179</v>
      </c>
      <c r="I19" s="2319">
        <v>194</v>
      </c>
      <c r="J19" s="2319">
        <v>210</v>
      </c>
      <c r="K19" s="2320">
        <v>459</v>
      </c>
      <c r="L19" s="2321">
        <v>441</v>
      </c>
      <c r="M19" s="2319">
        <v>878</v>
      </c>
      <c r="N19" s="2319">
        <v>787</v>
      </c>
    </row>
    <row r="20" spans="1:14" ht="15" customHeight="1" x14ac:dyDescent="0.25">
      <c r="A20" s="691" t="s">
        <v>286</v>
      </c>
      <c r="B20" s="2317">
        <v>282</v>
      </c>
      <c r="C20" s="689">
        <v>186</v>
      </c>
      <c r="D20" s="2318">
        <v>206</v>
      </c>
      <c r="E20" s="2319">
        <v>143</v>
      </c>
      <c r="F20" s="2319">
        <v>145</v>
      </c>
      <c r="G20" s="690">
        <v>156</v>
      </c>
      <c r="H20" s="2320">
        <v>153</v>
      </c>
      <c r="I20" s="2319">
        <v>171</v>
      </c>
      <c r="J20" s="2319">
        <v>189</v>
      </c>
      <c r="K20" s="2320">
        <v>468</v>
      </c>
      <c r="L20" s="2321">
        <v>301</v>
      </c>
      <c r="M20" s="2319">
        <v>650</v>
      </c>
      <c r="N20" s="2319">
        <v>677</v>
      </c>
    </row>
    <row r="21" spans="1:14" ht="15" customHeight="1" x14ac:dyDescent="0.25">
      <c r="A21" s="692" t="s">
        <v>287</v>
      </c>
      <c r="B21" s="2317">
        <v>2814</v>
      </c>
      <c r="C21" s="689">
        <v>2720</v>
      </c>
      <c r="D21" s="2318">
        <v>2706</v>
      </c>
      <c r="E21" s="2319">
        <v>2543</v>
      </c>
      <c r="F21" s="2319">
        <v>2648</v>
      </c>
      <c r="G21" s="690">
        <v>2763</v>
      </c>
      <c r="H21" s="2320">
        <v>2566</v>
      </c>
      <c r="I21" s="2319">
        <v>2617</v>
      </c>
      <c r="J21" s="2319">
        <v>2624</v>
      </c>
      <c r="K21" s="2320">
        <v>5534</v>
      </c>
      <c r="L21" s="2321">
        <v>5411</v>
      </c>
      <c r="M21" s="2319">
        <v>10660</v>
      </c>
      <c r="N21" s="2319">
        <v>10447</v>
      </c>
    </row>
    <row r="22" spans="1:14" ht="15" customHeight="1" x14ac:dyDescent="0.25">
      <c r="A22" s="692" t="s">
        <v>288</v>
      </c>
      <c r="B22" s="2317">
        <v>64</v>
      </c>
      <c r="C22" s="689">
        <v>16</v>
      </c>
      <c r="D22" s="2318">
        <v>49</v>
      </c>
      <c r="E22" s="2319">
        <v>44</v>
      </c>
      <c r="F22" s="2319">
        <v>84</v>
      </c>
      <c r="G22" s="690">
        <v>91</v>
      </c>
      <c r="H22" s="2320">
        <v>96</v>
      </c>
      <c r="I22" s="2319">
        <v>73</v>
      </c>
      <c r="J22" s="2319">
        <v>113</v>
      </c>
      <c r="K22" s="2320">
        <v>80</v>
      </c>
      <c r="L22" s="2321">
        <v>175</v>
      </c>
      <c r="M22" s="2319">
        <v>268</v>
      </c>
      <c r="N22" s="2319">
        <v>339</v>
      </c>
    </row>
    <row r="23" spans="1:14" ht="15" customHeight="1" x14ac:dyDescent="0.25">
      <c r="A23" s="696" t="s">
        <v>289</v>
      </c>
      <c r="B23" s="2317"/>
      <c r="C23" s="689"/>
      <c r="D23" s="2318"/>
      <c r="E23" s="2319"/>
      <c r="F23" s="2319"/>
      <c r="G23" s="690"/>
      <c r="H23" s="2320"/>
      <c r="I23" s="2319"/>
      <c r="J23" s="2319"/>
      <c r="K23" s="2320"/>
      <c r="L23" s="2321"/>
      <c r="M23" s="2319"/>
      <c r="N23" s="2319"/>
    </row>
    <row r="24" spans="1:14" ht="15" customHeight="1" x14ac:dyDescent="0.25">
      <c r="A24" s="697" t="s">
        <v>272</v>
      </c>
      <c r="B24" s="2317">
        <v>389</v>
      </c>
      <c r="C24" s="689">
        <v>634</v>
      </c>
      <c r="D24" s="2318">
        <v>418</v>
      </c>
      <c r="E24" s="2319">
        <v>311</v>
      </c>
      <c r="F24" s="2319">
        <v>453</v>
      </c>
      <c r="G24" s="690">
        <v>609</v>
      </c>
      <c r="H24" s="2320">
        <v>409</v>
      </c>
      <c r="I24" s="2319">
        <v>478</v>
      </c>
      <c r="J24" s="2319">
        <v>525</v>
      </c>
      <c r="K24" s="2320">
        <v>1023</v>
      </c>
      <c r="L24" s="2321">
        <v>1062</v>
      </c>
      <c r="M24" s="2319">
        <v>1791</v>
      </c>
      <c r="N24" s="2319">
        <v>2033</v>
      </c>
    </row>
    <row r="25" spans="1:14" ht="15" customHeight="1" x14ac:dyDescent="0.25">
      <c r="A25" s="697" t="s">
        <v>290</v>
      </c>
      <c r="B25" s="2317">
        <v>56</v>
      </c>
      <c r="C25" s="689">
        <v>44</v>
      </c>
      <c r="D25" s="2318">
        <v>71</v>
      </c>
      <c r="E25" s="2319">
        <v>0</v>
      </c>
      <c r="F25" s="2319">
        <v>1</v>
      </c>
      <c r="G25" s="690">
        <v>2</v>
      </c>
      <c r="H25" s="2320">
        <v>83</v>
      </c>
      <c r="I25" s="2319">
        <v>80</v>
      </c>
      <c r="J25" s="2319">
        <v>137</v>
      </c>
      <c r="K25" s="2320">
        <v>100</v>
      </c>
      <c r="L25" s="2321">
        <v>3</v>
      </c>
      <c r="M25" s="2319">
        <v>74</v>
      </c>
      <c r="N25" s="2319">
        <v>419</v>
      </c>
    </row>
    <row r="26" spans="1:14" ht="15" customHeight="1" x14ac:dyDescent="0.25">
      <c r="A26" s="697" t="s">
        <v>291</v>
      </c>
      <c r="B26" s="2317">
        <v>123</v>
      </c>
      <c r="C26" s="689">
        <v>112</v>
      </c>
      <c r="D26" s="2318">
        <v>114</v>
      </c>
      <c r="E26" s="2319">
        <v>113</v>
      </c>
      <c r="F26" s="2319">
        <v>105</v>
      </c>
      <c r="G26" s="690">
        <v>101</v>
      </c>
      <c r="H26" s="2320">
        <v>102</v>
      </c>
      <c r="I26" s="2319">
        <v>83</v>
      </c>
      <c r="J26" s="2319">
        <v>100</v>
      </c>
      <c r="K26" s="2320">
        <v>235</v>
      </c>
      <c r="L26" s="2321">
        <v>206</v>
      </c>
      <c r="M26" s="2319">
        <v>433</v>
      </c>
      <c r="N26" s="2319">
        <v>398</v>
      </c>
    </row>
    <row r="27" spans="1:14" ht="15" customHeight="1" x14ac:dyDescent="0.25">
      <c r="A27" s="697" t="s">
        <v>645</v>
      </c>
      <c r="B27" s="2317">
        <v>17</v>
      </c>
      <c r="C27" s="689">
        <v>-115</v>
      </c>
      <c r="D27" s="2318">
        <v>-354</v>
      </c>
      <c r="E27" s="2319">
        <v>112</v>
      </c>
      <c r="F27" s="2319">
        <v>178</v>
      </c>
      <c r="G27" s="690">
        <v>139</v>
      </c>
      <c r="H27" s="2320">
        <v>214</v>
      </c>
      <c r="I27" s="2319">
        <v>209</v>
      </c>
      <c r="J27" s="2319">
        <v>61</v>
      </c>
      <c r="K27" s="2320">
        <v>-98</v>
      </c>
      <c r="L27" s="2321">
        <v>317</v>
      </c>
      <c r="M27" s="2319">
        <v>75</v>
      </c>
      <c r="N27" s="2319">
        <v>655</v>
      </c>
    </row>
    <row r="28" spans="1:14" ht="15" customHeight="1" x14ac:dyDescent="0.25">
      <c r="A28" s="697" t="s">
        <v>293</v>
      </c>
      <c r="B28" s="2317">
        <v>585</v>
      </c>
      <c r="C28" s="689">
        <v>675</v>
      </c>
      <c r="D28" s="2318">
        <v>249</v>
      </c>
      <c r="E28" s="2319">
        <v>536</v>
      </c>
      <c r="F28" s="2319">
        <v>737</v>
      </c>
      <c r="G28" s="690">
        <v>851</v>
      </c>
      <c r="H28" s="2320">
        <v>808</v>
      </c>
      <c r="I28" s="2319">
        <v>850</v>
      </c>
      <c r="J28" s="2319">
        <v>823</v>
      </c>
      <c r="K28" s="2320">
        <v>1260</v>
      </c>
      <c r="L28" s="2321">
        <v>1588</v>
      </c>
      <c r="M28" s="2319">
        <v>2373</v>
      </c>
      <c r="N28" s="2319">
        <v>3505</v>
      </c>
    </row>
    <row r="29" spans="1:14" ht="15" customHeight="1" x14ac:dyDescent="0.25">
      <c r="A29" s="697"/>
      <c r="B29" s="2322"/>
      <c r="C29" s="693"/>
      <c r="D29" s="2323"/>
      <c r="E29" s="2324"/>
      <c r="F29" s="2324"/>
      <c r="G29" s="694"/>
      <c r="H29" s="2325"/>
      <c r="I29" s="2324"/>
      <c r="J29" s="2324"/>
      <c r="K29" s="2325"/>
      <c r="L29" s="2326"/>
      <c r="M29" s="2324"/>
      <c r="N29" s="2324"/>
    </row>
    <row r="30" spans="1:14" ht="15" customHeight="1" x14ac:dyDescent="0.25">
      <c r="A30" s="692" t="s">
        <v>294</v>
      </c>
      <c r="B30" s="2317">
        <v>3463</v>
      </c>
      <c r="C30" s="689">
        <v>3411</v>
      </c>
      <c r="D30" s="2318">
        <v>3004</v>
      </c>
      <c r="E30" s="2319">
        <v>3123</v>
      </c>
      <c r="F30" s="2319">
        <v>3469</v>
      </c>
      <c r="G30" s="690">
        <v>3705</v>
      </c>
      <c r="H30" s="2320">
        <v>3470</v>
      </c>
      <c r="I30" s="2319">
        <v>3540</v>
      </c>
      <c r="J30" s="2319">
        <v>3560</v>
      </c>
      <c r="K30" s="2320">
        <v>6874</v>
      </c>
      <c r="L30" s="2321">
        <v>7174</v>
      </c>
      <c r="M30" s="2319">
        <v>13301</v>
      </c>
      <c r="N30" s="2319">
        <v>14291</v>
      </c>
    </row>
    <row r="31" spans="1:14" ht="15" customHeight="1" x14ac:dyDescent="0.25">
      <c r="A31" s="692"/>
      <c r="B31" s="2322"/>
      <c r="C31" s="693"/>
      <c r="D31" s="2323"/>
      <c r="E31" s="2324"/>
      <c r="F31" s="2324"/>
      <c r="G31" s="694"/>
      <c r="H31" s="2325"/>
      <c r="I31" s="2324"/>
      <c r="J31" s="2324"/>
      <c r="K31" s="2325"/>
      <c r="L31" s="2326"/>
      <c r="M31" s="2324"/>
      <c r="N31" s="2324"/>
    </row>
    <row r="32" spans="1:14" ht="15" customHeight="1" x14ac:dyDescent="0.25">
      <c r="A32" s="692" t="s">
        <v>646</v>
      </c>
      <c r="B32" s="2322"/>
      <c r="C32" s="693"/>
      <c r="D32" s="2323"/>
      <c r="E32" s="2324"/>
      <c r="F32" s="2324"/>
      <c r="G32" s="694"/>
      <c r="H32" s="2325"/>
      <c r="I32" s="2324"/>
      <c r="J32" s="2324"/>
      <c r="K32" s="2325"/>
      <c r="L32" s="2326"/>
      <c r="M32" s="2324"/>
      <c r="N32" s="2324"/>
    </row>
    <row r="33" spans="1:14" ht="15" customHeight="1" x14ac:dyDescent="0.25">
      <c r="A33" s="698" t="s">
        <v>647</v>
      </c>
      <c r="B33" s="2317">
        <v>0</v>
      </c>
      <c r="C33" s="689">
        <v>0</v>
      </c>
      <c r="D33" s="2318">
        <v>361</v>
      </c>
      <c r="E33" s="2319">
        <v>0</v>
      </c>
      <c r="F33" s="2319">
        <v>0</v>
      </c>
      <c r="G33" s="690">
        <v>0</v>
      </c>
      <c r="H33" s="2320">
        <v>0</v>
      </c>
      <c r="I33" s="2319">
        <v>0</v>
      </c>
      <c r="J33" s="2319">
        <v>0</v>
      </c>
      <c r="K33" s="2320">
        <v>0</v>
      </c>
      <c r="L33" s="2321">
        <v>0</v>
      </c>
      <c r="M33" s="2319">
        <v>361</v>
      </c>
      <c r="N33" s="2319">
        <v>0</v>
      </c>
    </row>
    <row r="34" spans="1:14" ht="15" customHeight="1" x14ac:dyDescent="0.25">
      <c r="A34" s="699" t="s">
        <v>648</v>
      </c>
      <c r="B34" s="2327">
        <v>3463</v>
      </c>
      <c r="C34" s="700">
        <v>3411</v>
      </c>
      <c r="D34" s="2328">
        <v>3365</v>
      </c>
      <c r="E34" s="2329">
        <v>3123</v>
      </c>
      <c r="F34" s="2329">
        <v>3469</v>
      </c>
      <c r="G34" s="701">
        <v>3705</v>
      </c>
      <c r="H34" s="2330">
        <v>3470</v>
      </c>
      <c r="I34" s="2329">
        <v>3540</v>
      </c>
      <c r="J34" s="2329">
        <v>3560</v>
      </c>
      <c r="K34" s="2330">
        <v>6874</v>
      </c>
      <c r="L34" s="2331">
        <v>7174</v>
      </c>
      <c r="M34" s="2329">
        <v>13662</v>
      </c>
      <c r="N34" s="2329">
        <v>14291</v>
      </c>
    </row>
    <row r="35" spans="1:14" ht="15" customHeight="1" x14ac:dyDescent="0.35">
      <c r="A35" s="702"/>
      <c r="B35" s="702"/>
      <c r="C35" s="702"/>
      <c r="D35" s="702"/>
      <c r="E35" s="702"/>
      <c r="F35" s="702"/>
      <c r="G35" s="702"/>
      <c r="H35" s="702"/>
      <c r="I35" s="702"/>
      <c r="J35" s="702"/>
      <c r="K35" s="702"/>
      <c r="L35" s="702"/>
      <c r="M35" s="702"/>
      <c r="N35" s="702"/>
    </row>
    <row r="36" spans="1:14" ht="12" customHeight="1" x14ac:dyDescent="0.25">
      <c r="A36" s="3103" t="s">
        <v>818</v>
      </c>
      <c r="B36" s="3103" t="s">
        <v>38</v>
      </c>
      <c r="C36" s="3103" t="s">
        <v>38</v>
      </c>
      <c r="D36" s="3103" t="s">
        <v>38</v>
      </c>
      <c r="E36" s="3103" t="s">
        <v>38</v>
      </c>
      <c r="F36" s="3103" t="s">
        <v>38</v>
      </c>
      <c r="G36" s="3103" t="s">
        <v>38</v>
      </c>
      <c r="H36" s="3103" t="s">
        <v>38</v>
      </c>
      <c r="I36" s="3103" t="s">
        <v>38</v>
      </c>
      <c r="J36" s="3103" t="s">
        <v>38</v>
      </c>
      <c r="K36" s="3103" t="s">
        <v>38</v>
      </c>
      <c r="L36" s="3103" t="s">
        <v>38</v>
      </c>
      <c r="M36" s="3103" t="s">
        <v>38</v>
      </c>
      <c r="N36" s="3103" t="s">
        <v>38</v>
      </c>
    </row>
    <row r="37" spans="1:14" ht="12" customHeight="1" x14ac:dyDescent="0.25">
      <c r="A37" s="3103" t="s">
        <v>819</v>
      </c>
      <c r="B37" s="3103" t="s">
        <v>38</v>
      </c>
      <c r="C37" s="3103" t="s">
        <v>38</v>
      </c>
      <c r="D37" s="3103" t="s">
        <v>38</v>
      </c>
      <c r="E37" s="3103" t="s">
        <v>38</v>
      </c>
      <c r="F37" s="3103" t="s">
        <v>38</v>
      </c>
      <c r="G37" s="3103" t="s">
        <v>38</v>
      </c>
      <c r="H37" s="3103" t="s">
        <v>38</v>
      </c>
      <c r="I37" s="3103" t="s">
        <v>38</v>
      </c>
      <c r="J37" s="3103" t="s">
        <v>38</v>
      </c>
      <c r="K37" s="3103" t="s">
        <v>38</v>
      </c>
      <c r="L37" s="3103" t="s">
        <v>38</v>
      </c>
      <c r="M37" s="3103" t="s">
        <v>38</v>
      </c>
      <c r="N37" s="3103" t="s">
        <v>38</v>
      </c>
    </row>
  </sheetData>
  <mergeCells count="8">
    <mergeCell ref="A36:N36"/>
    <mergeCell ref="A37:N37"/>
    <mergeCell ref="A2:N2"/>
    <mergeCell ref="B3:C3"/>
    <mergeCell ref="D3:G3"/>
    <mergeCell ref="H3:J3"/>
    <mergeCell ref="K3:L3"/>
    <mergeCell ref="M3:N3"/>
  </mergeCells>
  <hyperlinks>
    <hyperlink ref="A1" location="TDM!A1" display="Retour à la table des matières" xr:uid="{00000000-0004-0000-0F00-000000000000}"/>
  </hyperlinks>
  <printOptions horizontalCentered="1"/>
  <pageMargins left="0.51181102362204722" right="0.51181102362204722" top="0.51181102362204722" bottom="0.51181102362204722" header="0.23622047244094491" footer="0.23622047244094491"/>
  <pageSetup scale="69" orientation="landscape" r:id="rId1"/>
  <headerFooter>
    <oddFooter>&amp;L&amp;G&amp;C&amp;"Scotia,Regular"&amp;9Informations financières supplémentaires (IFS)&amp;R&amp;"Scotia,Regular"&amp;9&amp;A</oddFooter>
  </headerFooter>
  <legacyDrawingHF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7FD235-DECB-43FD-838F-7529090ED845}">
  <sheetPr>
    <pageSetUpPr fitToPage="1"/>
  </sheetPr>
  <dimension ref="A1:N39"/>
  <sheetViews>
    <sheetView showGridLines="0" zoomScaleNormal="100" workbookViewId="0"/>
  </sheetViews>
  <sheetFormatPr defaultColWidth="8.7265625" defaultRowHeight="12.5" x14ac:dyDescent="0.25"/>
  <cols>
    <col min="1" max="1" width="75.7265625" style="25" customWidth="1"/>
    <col min="2" max="10" width="8.26953125" style="25" customWidth="1"/>
    <col min="11" max="11" width="11.7265625" style="25" customWidth="1"/>
    <col min="12" max="14" width="8.26953125" style="25" customWidth="1"/>
    <col min="15" max="16384" width="8.7265625" style="25"/>
  </cols>
  <sheetData>
    <row r="1" spans="1:14" ht="20.149999999999999" customHeight="1" x14ac:dyDescent="0.25">
      <c r="A1" s="24" t="s">
        <v>37</v>
      </c>
    </row>
    <row r="2" spans="1:14" ht="24.65" customHeight="1" x14ac:dyDescent="0.25">
      <c r="A2" s="3224" t="s">
        <v>24</v>
      </c>
      <c r="B2" s="3224" t="s">
        <v>38</v>
      </c>
      <c r="C2" s="3224" t="s">
        <v>38</v>
      </c>
      <c r="D2" s="3224" t="s">
        <v>38</v>
      </c>
      <c r="E2" s="3224" t="s">
        <v>38</v>
      </c>
      <c r="F2" s="3224" t="s">
        <v>38</v>
      </c>
      <c r="G2" s="3224" t="s">
        <v>38</v>
      </c>
      <c r="H2" s="3224" t="s">
        <v>38</v>
      </c>
      <c r="I2" s="3224" t="s">
        <v>38</v>
      </c>
      <c r="J2" s="3224" t="s">
        <v>38</v>
      </c>
      <c r="K2" s="3224" t="s">
        <v>38</v>
      </c>
      <c r="L2" s="3224" t="s">
        <v>38</v>
      </c>
      <c r="M2" s="3224" t="s">
        <v>38</v>
      </c>
      <c r="N2" s="3224" t="s">
        <v>38</v>
      </c>
    </row>
    <row r="3" spans="1:14" ht="15" customHeight="1" x14ac:dyDescent="0.25">
      <c r="A3" s="703"/>
      <c r="B3" s="3225" t="s">
        <v>174</v>
      </c>
      <c r="C3" s="3226" t="s">
        <v>38</v>
      </c>
      <c r="D3" s="3227">
        <v>2022</v>
      </c>
      <c r="E3" s="3228" t="s">
        <v>38</v>
      </c>
      <c r="F3" s="3228" t="s">
        <v>38</v>
      </c>
      <c r="G3" s="3229" t="s">
        <v>38</v>
      </c>
      <c r="H3" s="3227">
        <v>2021</v>
      </c>
      <c r="I3" s="3228" t="s">
        <v>38</v>
      </c>
      <c r="J3" s="3228" t="s">
        <v>38</v>
      </c>
      <c r="K3" s="3227" t="s">
        <v>716</v>
      </c>
      <c r="L3" s="3230" t="s">
        <v>38</v>
      </c>
      <c r="M3" s="3228" t="s">
        <v>717</v>
      </c>
      <c r="N3" s="3228" t="s">
        <v>38</v>
      </c>
    </row>
    <row r="4" spans="1:14" ht="15" customHeight="1" x14ac:dyDescent="0.25">
      <c r="A4" s="704" t="s">
        <v>46</v>
      </c>
      <c r="B4" s="705" t="s">
        <v>49</v>
      </c>
      <c r="C4" s="706" t="s">
        <v>45</v>
      </c>
      <c r="D4" s="707" t="s">
        <v>569</v>
      </c>
      <c r="E4" s="708" t="s">
        <v>570</v>
      </c>
      <c r="F4" s="708" t="s">
        <v>49</v>
      </c>
      <c r="G4" s="199" t="s">
        <v>45</v>
      </c>
      <c r="H4" s="709" t="s">
        <v>569</v>
      </c>
      <c r="I4" s="708" t="s">
        <v>570</v>
      </c>
      <c r="J4" s="708" t="s">
        <v>49</v>
      </c>
      <c r="K4" s="710">
        <v>2023</v>
      </c>
      <c r="L4" s="711">
        <v>2022</v>
      </c>
      <c r="M4" s="712">
        <v>2022</v>
      </c>
      <c r="N4" s="712">
        <v>2021</v>
      </c>
    </row>
    <row r="5" spans="1:14" ht="15" customHeight="1" x14ac:dyDescent="0.25">
      <c r="A5" s="713" t="s">
        <v>649</v>
      </c>
      <c r="B5" s="705"/>
      <c r="C5" s="706"/>
      <c r="D5" s="714"/>
      <c r="E5" s="705"/>
      <c r="F5" s="705"/>
      <c r="G5" s="715"/>
      <c r="H5" s="716"/>
      <c r="I5" s="717"/>
      <c r="J5" s="717"/>
      <c r="K5" s="718"/>
      <c r="L5" s="719"/>
      <c r="M5" s="717"/>
      <c r="N5" s="717"/>
    </row>
    <row r="6" spans="1:14" ht="15" customHeight="1" x14ac:dyDescent="0.25">
      <c r="A6" s="720" t="s">
        <v>70</v>
      </c>
      <c r="B6" s="2332">
        <v>-92</v>
      </c>
      <c r="C6" s="2333">
        <v>-62</v>
      </c>
      <c r="D6" s="2334">
        <v>-38</v>
      </c>
      <c r="E6" s="2335">
        <v>-53</v>
      </c>
      <c r="F6" s="2335">
        <v>-31</v>
      </c>
      <c r="G6" s="687">
        <v>10</v>
      </c>
      <c r="H6" s="2336">
        <v>35</v>
      </c>
      <c r="I6" s="2335">
        <v>33</v>
      </c>
      <c r="J6" s="2335">
        <v>42</v>
      </c>
      <c r="K6" s="2337">
        <v>-154</v>
      </c>
      <c r="L6" s="2338">
        <v>-21</v>
      </c>
      <c r="M6" s="2335">
        <v>-112</v>
      </c>
      <c r="N6" s="2335">
        <v>136</v>
      </c>
    </row>
    <row r="7" spans="1:14" ht="15" customHeight="1" x14ac:dyDescent="0.25">
      <c r="A7" s="721" t="s">
        <v>23</v>
      </c>
      <c r="B7" s="2339"/>
      <c r="C7" s="2340"/>
      <c r="D7" s="2341"/>
      <c r="E7" s="2342"/>
      <c r="F7" s="2342"/>
      <c r="G7" s="690"/>
      <c r="H7" s="2343"/>
      <c r="I7" s="2342"/>
      <c r="J7" s="2342"/>
      <c r="K7" s="2344"/>
      <c r="L7" s="2345"/>
      <c r="M7" s="2342"/>
      <c r="N7" s="2342"/>
    </row>
    <row r="8" spans="1:14" ht="15" customHeight="1" x14ac:dyDescent="0.25">
      <c r="A8" s="722" t="s">
        <v>272</v>
      </c>
      <c r="B8" s="2339">
        <v>498</v>
      </c>
      <c r="C8" s="2340">
        <v>744</v>
      </c>
      <c r="D8" s="2341">
        <v>505</v>
      </c>
      <c r="E8" s="2342">
        <v>392</v>
      </c>
      <c r="F8" s="2342">
        <v>535</v>
      </c>
      <c r="G8" s="690">
        <v>692</v>
      </c>
      <c r="H8" s="2343">
        <v>493</v>
      </c>
      <c r="I8" s="2342">
        <v>547</v>
      </c>
      <c r="J8" s="2342">
        <v>596</v>
      </c>
      <c r="K8" s="2344">
        <v>1242</v>
      </c>
      <c r="L8" s="2345">
        <v>1227</v>
      </c>
      <c r="M8" s="2342">
        <v>2124</v>
      </c>
      <c r="N8" s="2342">
        <v>2321</v>
      </c>
    </row>
    <row r="9" spans="1:14" ht="15" customHeight="1" x14ac:dyDescent="0.25">
      <c r="A9" s="722" t="s">
        <v>286</v>
      </c>
      <c r="B9" s="2339">
        <v>149</v>
      </c>
      <c r="C9" s="2340">
        <v>40</v>
      </c>
      <c r="D9" s="2341">
        <v>80</v>
      </c>
      <c r="E9" s="2342">
        <v>23</v>
      </c>
      <c r="F9" s="2342">
        <v>22</v>
      </c>
      <c r="G9" s="690">
        <v>33</v>
      </c>
      <c r="H9" s="2343">
        <v>36</v>
      </c>
      <c r="I9" s="2342">
        <v>46</v>
      </c>
      <c r="J9" s="2342">
        <v>51</v>
      </c>
      <c r="K9" s="2344">
        <v>189</v>
      </c>
      <c r="L9" s="2345">
        <v>55</v>
      </c>
      <c r="M9" s="2342">
        <v>158</v>
      </c>
      <c r="N9" s="2342">
        <v>185</v>
      </c>
    </row>
    <row r="10" spans="1:14" ht="15" customHeight="1" x14ac:dyDescent="0.25">
      <c r="A10" s="721" t="s">
        <v>296</v>
      </c>
      <c r="B10" s="2339">
        <v>647</v>
      </c>
      <c r="C10" s="2340">
        <v>784</v>
      </c>
      <c r="D10" s="2341">
        <v>585</v>
      </c>
      <c r="E10" s="2342">
        <v>415</v>
      </c>
      <c r="F10" s="2342">
        <v>557</v>
      </c>
      <c r="G10" s="690">
        <v>725</v>
      </c>
      <c r="H10" s="2343">
        <v>529</v>
      </c>
      <c r="I10" s="2342">
        <v>593</v>
      </c>
      <c r="J10" s="2342">
        <v>647</v>
      </c>
      <c r="K10" s="2344">
        <v>1431</v>
      </c>
      <c r="L10" s="2345">
        <v>1282</v>
      </c>
      <c r="M10" s="2342">
        <v>2282</v>
      </c>
      <c r="N10" s="2342">
        <v>2506</v>
      </c>
    </row>
    <row r="11" spans="1:14" ht="15" customHeight="1" x14ac:dyDescent="0.25">
      <c r="A11" s="723" t="s">
        <v>650</v>
      </c>
      <c r="B11" s="2339">
        <v>555</v>
      </c>
      <c r="C11" s="2340">
        <v>722</v>
      </c>
      <c r="D11" s="2341">
        <v>547</v>
      </c>
      <c r="E11" s="2342">
        <v>362</v>
      </c>
      <c r="F11" s="2342">
        <v>526</v>
      </c>
      <c r="G11" s="690">
        <v>735</v>
      </c>
      <c r="H11" s="2343">
        <v>564</v>
      </c>
      <c r="I11" s="2342">
        <v>626</v>
      </c>
      <c r="J11" s="2342">
        <v>689</v>
      </c>
      <c r="K11" s="2344">
        <v>1277</v>
      </c>
      <c r="L11" s="2345">
        <v>1261</v>
      </c>
      <c r="M11" s="2342">
        <v>2170</v>
      </c>
      <c r="N11" s="2342">
        <v>2642</v>
      </c>
    </row>
    <row r="12" spans="1:14" ht="15" customHeight="1" x14ac:dyDescent="0.25">
      <c r="A12" s="723"/>
      <c r="B12" s="2346"/>
      <c r="C12" s="2340"/>
      <c r="D12" s="2347"/>
      <c r="E12" s="2348"/>
      <c r="F12" s="2348"/>
      <c r="G12" s="724"/>
      <c r="H12" s="2349"/>
      <c r="I12" s="2348"/>
      <c r="J12" s="2348"/>
      <c r="K12" s="2350"/>
      <c r="L12" s="2351"/>
      <c r="M12" s="2348"/>
      <c r="N12" s="2348"/>
    </row>
    <row r="13" spans="1:14" ht="15" customHeight="1" x14ac:dyDescent="0.25">
      <c r="A13" s="723" t="s">
        <v>651</v>
      </c>
      <c r="B13" s="2346"/>
      <c r="C13" s="2340"/>
      <c r="D13" s="2347"/>
      <c r="E13" s="2348"/>
      <c r="F13" s="2348"/>
      <c r="G13" s="724"/>
      <c r="H13" s="2349"/>
      <c r="I13" s="2348"/>
      <c r="J13" s="2348"/>
      <c r="K13" s="2350"/>
      <c r="L13" s="2351"/>
      <c r="M13" s="2348"/>
      <c r="N13" s="2348"/>
    </row>
    <row r="14" spans="1:14" ht="15" customHeight="1" x14ac:dyDescent="0.25">
      <c r="A14" s="722" t="s">
        <v>228</v>
      </c>
      <c r="B14" s="2339">
        <v>160</v>
      </c>
      <c r="C14" s="2340">
        <v>272</v>
      </c>
      <c r="D14" s="2341">
        <v>133</v>
      </c>
      <c r="E14" s="2342">
        <v>118</v>
      </c>
      <c r="F14" s="2342">
        <v>112</v>
      </c>
      <c r="G14" s="690">
        <v>243</v>
      </c>
      <c r="H14" s="2343">
        <v>167</v>
      </c>
      <c r="I14" s="2342">
        <v>215</v>
      </c>
      <c r="J14" s="2342">
        <v>242</v>
      </c>
      <c r="K14" s="2344">
        <v>432</v>
      </c>
      <c r="L14" s="2345">
        <v>355</v>
      </c>
      <c r="M14" s="2342">
        <v>606</v>
      </c>
      <c r="N14" s="2342">
        <v>941</v>
      </c>
    </row>
    <row r="15" spans="1:14" ht="15" customHeight="1" x14ac:dyDescent="0.25">
      <c r="A15" s="722" t="s">
        <v>227</v>
      </c>
      <c r="B15" s="2339">
        <v>178</v>
      </c>
      <c r="C15" s="2340">
        <v>205</v>
      </c>
      <c r="D15" s="2341">
        <v>150</v>
      </c>
      <c r="E15" s="2342">
        <v>179</v>
      </c>
      <c r="F15" s="2342">
        <v>209</v>
      </c>
      <c r="G15" s="690">
        <v>291</v>
      </c>
      <c r="H15" s="2343">
        <v>236</v>
      </c>
      <c r="I15" s="2342">
        <v>244</v>
      </c>
      <c r="J15" s="2342">
        <v>234</v>
      </c>
      <c r="K15" s="2344">
        <v>383</v>
      </c>
      <c r="L15" s="2345">
        <v>500</v>
      </c>
      <c r="M15" s="2342">
        <v>829</v>
      </c>
      <c r="N15" s="2342">
        <v>932</v>
      </c>
    </row>
    <row r="16" spans="1:14" ht="15" customHeight="1" x14ac:dyDescent="0.25">
      <c r="A16" s="722" t="s">
        <v>652</v>
      </c>
      <c r="B16" s="2339">
        <v>217</v>
      </c>
      <c r="C16" s="2340">
        <v>245</v>
      </c>
      <c r="D16" s="2341">
        <v>264</v>
      </c>
      <c r="E16" s="2342">
        <v>65</v>
      </c>
      <c r="F16" s="2342">
        <v>205</v>
      </c>
      <c r="G16" s="690">
        <v>201</v>
      </c>
      <c r="H16" s="2343">
        <v>161</v>
      </c>
      <c r="I16" s="2342">
        <v>167</v>
      </c>
      <c r="J16" s="2342">
        <v>213</v>
      </c>
      <c r="K16" s="2344">
        <v>462</v>
      </c>
      <c r="L16" s="2345">
        <v>406</v>
      </c>
      <c r="M16" s="2342">
        <v>735</v>
      </c>
      <c r="N16" s="2342">
        <v>769</v>
      </c>
    </row>
    <row r="17" spans="1:14" ht="15" customHeight="1" x14ac:dyDescent="0.25">
      <c r="A17" s="723" t="s">
        <v>651</v>
      </c>
      <c r="B17" s="2339">
        <v>555</v>
      </c>
      <c r="C17" s="2340">
        <v>722</v>
      </c>
      <c r="D17" s="2341">
        <v>547</v>
      </c>
      <c r="E17" s="2342">
        <v>362</v>
      </c>
      <c r="F17" s="2342">
        <v>526</v>
      </c>
      <c r="G17" s="690">
        <v>735</v>
      </c>
      <c r="H17" s="2343">
        <v>564</v>
      </c>
      <c r="I17" s="2342">
        <v>626</v>
      </c>
      <c r="J17" s="2342">
        <v>689</v>
      </c>
      <c r="K17" s="2344">
        <v>1277</v>
      </c>
      <c r="L17" s="2345">
        <v>1261</v>
      </c>
      <c r="M17" s="2342">
        <v>2170</v>
      </c>
      <c r="N17" s="2342">
        <v>2642</v>
      </c>
    </row>
    <row r="18" spans="1:14" ht="15" customHeight="1" x14ac:dyDescent="0.25">
      <c r="A18" s="721" t="s">
        <v>297</v>
      </c>
      <c r="B18" s="2339">
        <v>109</v>
      </c>
      <c r="C18" s="2340">
        <v>110</v>
      </c>
      <c r="D18" s="2341">
        <v>87</v>
      </c>
      <c r="E18" s="2342">
        <v>81</v>
      </c>
      <c r="F18" s="2342">
        <v>82</v>
      </c>
      <c r="G18" s="690">
        <v>83</v>
      </c>
      <c r="H18" s="2343">
        <v>84</v>
      </c>
      <c r="I18" s="2342">
        <v>69</v>
      </c>
      <c r="J18" s="2342">
        <v>71</v>
      </c>
      <c r="K18" s="2344">
        <v>219</v>
      </c>
      <c r="L18" s="2345">
        <v>165</v>
      </c>
      <c r="M18" s="2342">
        <v>333</v>
      </c>
      <c r="N18" s="2342">
        <v>288</v>
      </c>
    </row>
    <row r="19" spans="1:14" ht="30" customHeight="1" x14ac:dyDescent="0.25">
      <c r="A19" s="1485" t="s">
        <v>653</v>
      </c>
      <c r="B19" s="2339">
        <v>446</v>
      </c>
      <c r="C19" s="2340">
        <v>612</v>
      </c>
      <c r="D19" s="2341">
        <v>460</v>
      </c>
      <c r="E19" s="2342">
        <v>281</v>
      </c>
      <c r="F19" s="2342">
        <v>444</v>
      </c>
      <c r="G19" s="690">
        <v>652</v>
      </c>
      <c r="H19" s="2343">
        <v>480</v>
      </c>
      <c r="I19" s="2342">
        <v>557</v>
      </c>
      <c r="J19" s="2342">
        <v>618</v>
      </c>
      <c r="K19" s="2344">
        <v>1058</v>
      </c>
      <c r="L19" s="2345">
        <v>1096</v>
      </c>
      <c r="M19" s="2342">
        <v>1837</v>
      </c>
      <c r="N19" s="2342">
        <v>2354</v>
      </c>
    </row>
    <row r="20" spans="1:14" ht="15" customHeight="1" x14ac:dyDescent="0.25">
      <c r="A20" s="725"/>
      <c r="B20" s="726"/>
      <c r="C20" s="727"/>
      <c r="D20" s="728"/>
      <c r="E20" s="729"/>
      <c r="F20" s="730"/>
      <c r="G20" s="731"/>
      <c r="H20" s="732"/>
      <c r="I20" s="730"/>
      <c r="J20" s="730"/>
      <c r="K20" s="733"/>
      <c r="L20" s="734"/>
      <c r="M20" s="730"/>
      <c r="N20" s="730"/>
    </row>
    <row r="21" spans="1:14" ht="15" customHeight="1" x14ac:dyDescent="0.25">
      <c r="A21" s="735" t="s">
        <v>698</v>
      </c>
      <c r="B21" s="2352"/>
      <c r="C21" s="2353"/>
      <c r="D21" s="2354"/>
      <c r="E21" s="2355"/>
      <c r="F21" s="2355"/>
      <c r="G21" s="736"/>
      <c r="H21" s="2356"/>
      <c r="I21" s="2355"/>
      <c r="J21" s="2355"/>
      <c r="K21" s="2357"/>
      <c r="L21" s="2358"/>
      <c r="M21" s="2359"/>
      <c r="N21" s="2359"/>
    </row>
    <row r="22" spans="1:14" ht="15" customHeight="1" x14ac:dyDescent="0.25">
      <c r="A22" s="737" t="s">
        <v>298</v>
      </c>
      <c r="B22" s="738">
        <v>203.6</v>
      </c>
      <c r="C22" s="739">
        <v>202.7</v>
      </c>
      <c r="D22" s="740">
        <v>192.4</v>
      </c>
      <c r="E22" s="741">
        <v>195.6</v>
      </c>
      <c r="F22" s="741">
        <v>200.8</v>
      </c>
      <c r="G22" s="742">
        <v>206.8</v>
      </c>
      <c r="H22" s="740">
        <v>201</v>
      </c>
      <c r="I22" s="741">
        <v>194.5</v>
      </c>
      <c r="J22" s="741">
        <v>185.9</v>
      </c>
      <c r="K22" s="2360"/>
      <c r="L22" s="2361"/>
      <c r="M22" s="2362"/>
      <c r="N22" s="2362"/>
    </row>
    <row r="23" spans="1:14" ht="15" customHeight="1" x14ac:dyDescent="0.25">
      <c r="A23" s="722" t="s">
        <v>279</v>
      </c>
      <c r="B23" s="2363">
        <v>180</v>
      </c>
      <c r="C23" s="2364">
        <v>169.6</v>
      </c>
      <c r="D23" s="2365">
        <v>162.69999999999999</v>
      </c>
      <c r="E23" s="2366">
        <v>147.5</v>
      </c>
      <c r="F23" s="2366">
        <v>147.19999999999999</v>
      </c>
      <c r="G23" s="743">
        <v>140.9</v>
      </c>
      <c r="H23" s="2367">
        <v>144.69999999999999</v>
      </c>
      <c r="I23" s="2366">
        <v>139.4</v>
      </c>
      <c r="J23" s="2366">
        <v>136.30000000000001</v>
      </c>
      <c r="K23" s="2368"/>
      <c r="L23" s="2369"/>
      <c r="M23" s="2370"/>
      <c r="N23" s="2370"/>
    </row>
    <row r="24" spans="1:14" ht="15" customHeight="1" x14ac:dyDescent="0.25">
      <c r="A24" s="721" t="s">
        <v>233</v>
      </c>
      <c r="B24" s="2363">
        <v>383.6</v>
      </c>
      <c r="C24" s="2364">
        <v>372.3</v>
      </c>
      <c r="D24" s="2365">
        <v>355.1</v>
      </c>
      <c r="E24" s="2366">
        <v>343.1</v>
      </c>
      <c r="F24" s="2366">
        <v>348</v>
      </c>
      <c r="G24" s="743">
        <v>347.7</v>
      </c>
      <c r="H24" s="2367">
        <v>345.7</v>
      </c>
      <c r="I24" s="2366">
        <v>333.9</v>
      </c>
      <c r="J24" s="2366">
        <v>322.2</v>
      </c>
      <c r="K24" s="2371"/>
      <c r="L24" s="2372"/>
      <c r="M24" s="2373"/>
      <c r="N24" s="2373"/>
    </row>
    <row r="25" spans="1:14" ht="15" customHeight="1" x14ac:dyDescent="0.25">
      <c r="A25" s="721" t="s">
        <v>277</v>
      </c>
      <c r="B25" s="2363">
        <v>210.14200000000002</v>
      </c>
      <c r="C25" s="2364">
        <v>205.6</v>
      </c>
      <c r="D25" s="2365">
        <v>198.8</v>
      </c>
      <c r="E25" s="2366">
        <v>206.6</v>
      </c>
      <c r="F25" s="2366">
        <v>212.6</v>
      </c>
      <c r="G25" s="743">
        <v>224.2</v>
      </c>
      <c r="H25" s="2367">
        <v>225.2</v>
      </c>
      <c r="I25" s="2366">
        <v>223.2</v>
      </c>
      <c r="J25" s="2366">
        <v>217</v>
      </c>
      <c r="K25" s="2368"/>
      <c r="L25" s="2369"/>
      <c r="M25" s="2370"/>
      <c r="N25" s="2370"/>
    </row>
    <row r="26" spans="1:14" ht="15" customHeight="1" x14ac:dyDescent="0.25">
      <c r="A26" s="721" t="s">
        <v>299</v>
      </c>
      <c r="B26" s="2363">
        <v>90.457999999999998</v>
      </c>
      <c r="C26" s="2364">
        <v>86.8</v>
      </c>
      <c r="D26" s="2365">
        <v>87.7</v>
      </c>
      <c r="E26" s="2366">
        <v>80.400000000000006</v>
      </c>
      <c r="F26" s="2366">
        <v>79.599999999999994</v>
      </c>
      <c r="G26" s="743">
        <v>79.3</v>
      </c>
      <c r="H26" s="2367">
        <v>82</v>
      </c>
      <c r="I26" s="2366">
        <v>79.3</v>
      </c>
      <c r="J26" s="2366">
        <v>83.6</v>
      </c>
      <c r="K26" s="2368"/>
      <c r="L26" s="2369"/>
      <c r="M26" s="2370"/>
      <c r="N26" s="2370"/>
    </row>
    <row r="27" spans="1:14" ht="15" customHeight="1" x14ac:dyDescent="0.25">
      <c r="A27" s="723" t="s">
        <v>253</v>
      </c>
      <c r="B27" s="2363">
        <v>684.2</v>
      </c>
      <c r="C27" s="2364">
        <v>664.7</v>
      </c>
      <c r="D27" s="2365">
        <v>641.6</v>
      </c>
      <c r="E27" s="2366">
        <v>630.1</v>
      </c>
      <c r="F27" s="2366">
        <v>640.20000000000005</v>
      </c>
      <c r="G27" s="743">
        <v>651.20000000000005</v>
      </c>
      <c r="H27" s="2367">
        <v>652.9</v>
      </c>
      <c r="I27" s="2366">
        <v>636.4</v>
      </c>
      <c r="J27" s="2366">
        <v>622.79999999999995</v>
      </c>
      <c r="K27" s="2368"/>
      <c r="L27" s="2369"/>
      <c r="M27" s="2370"/>
      <c r="N27" s="2370"/>
    </row>
    <row r="28" spans="1:14" ht="15" customHeight="1" x14ac:dyDescent="0.25">
      <c r="A28" s="725"/>
      <c r="B28" s="744"/>
      <c r="C28" s="745"/>
      <c r="D28" s="746"/>
      <c r="E28" s="747"/>
      <c r="F28" s="747"/>
      <c r="G28" s="748"/>
      <c r="H28" s="746"/>
      <c r="I28" s="747"/>
      <c r="J28" s="747"/>
      <c r="K28" s="733"/>
      <c r="L28" s="749"/>
      <c r="M28" s="730"/>
      <c r="N28" s="730"/>
    </row>
    <row r="29" spans="1:14" ht="15" customHeight="1" x14ac:dyDescent="0.25">
      <c r="A29" s="735" t="s">
        <v>699</v>
      </c>
      <c r="B29" s="2352"/>
      <c r="C29" s="2374"/>
      <c r="D29" s="2354"/>
      <c r="E29" s="2355"/>
      <c r="F29" s="2355"/>
      <c r="G29" s="736"/>
      <c r="H29" s="2356"/>
      <c r="I29" s="2355"/>
      <c r="J29" s="2355"/>
      <c r="K29" s="2375"/>
      <c r="L29" s="2358"/>
      <c r="M29" s="2359"/>
      <c r="N29" s="2359"/>
    </row>
    <row r="30" spans="1:14" ht="15" customHeight="1" x14ac:dyDescent="0.25">
      <c r="A30" s="750" t="s">
        <v>233</v>
      </c>
      <c r="B30" s="751">
        <v>81.900000000000006</v>
      </c>
      <c r="C30" s="739">
        <v>80.2</v>
      </c>
      <c r="D30" s="740">
        <v>76.7</v>
      </c>
      <c r="E30" s="741">
        <v>77</v>
      </c>
      <c r="F30" s="741">
        <v>77.3</v>
      </c>
      <c r="G30" s="742">
        <v>78.8</v>
      </c>
      <c r="H30" s="740">
        <v>76.3</v>
      </c>
      <c r="I30" s="741">
        <v>73.2</v>
      </c>
      <c r="J30" s="741">
        <v>69.400000000000006</v>
      </c>
      <c r="K30" s="2376"/>
      <c r="L30" s="2361"/>
      <c r="M30" s="2362"/>
      <c r="N30" s="2362"/>
    </row>
    <row r="31" spans="1:14" ht="15" customHeight="1" x14ac:dyDescent="0.25">
      <c r="A31" s="721" t="s">
        <v>277</v>
      </c>
      <c r="B31" s="2377">
        <v>194.2</v>
      </c>
      <c r="C31" s="2364">
        <v>190.1</v>
      </c>
      <c r="D31" s="2365">
        <v>184.1</v>
      </c>
      <c r="E31" s="2366">
        <v>191</v>
      </c>
      <c r="F31" s="2366">
        <v>195</v>
      </c>
      <c r="G31" s="743">
        <v>205.6</v>
      </c>
      <c r="H31" s="2367">
        <v>206.9</v>
      </c>
      <c r="I31" s="2366">
        <v>205.1</v>
      </c>
      <c r="J31" s="2366">
        <v>199.3</v>
      </c>
      <c r="K31" s="2368"/>
      <c r="L31" s="2369"/>
      <c r="M31" s="2370"/>
      <c r="N31" s="2370"/>
    </row>
    <row r="32" spans="1:14" ht="15" customHeight="1" x14ac:dyDescent="0.25">
      <c r="A32" s="721" t="s">
        <v>299</v>
      </c>
      <c r="B32" s="2377">
        <v>53.4</v>
      </c>
      <c r="C32" s="2364">
        <v>52.1</v>
      </c>
      <c r="D32" s="2365">
        <v>50.3</v>
      </c>
      <c r="E32" s="2366">
        <v>51.6</v>
      </c>
      <c r="F32" s="2366">
        <v>53.9</v>
      </c>
      <c r="G32" s="743">
        <v>60.9</v>
      </c>
      <c r="H32" s="2367">
        <v>62.6</v>
      </c>
      <c r="I32" s="2366">
        <v>62.5</v>
      </c>
      <c r="J32" s="2366">
        <v>60</v>
      </c>
      <c r="K32" s="2368"/>
      <c r="L32" s="2369"/>
      <c r="M32" s="2370"/>
      <c r="N32" s="2370"/>
    </row>
    <row r="33" spans="1:14" ht="15" customHeight="1" x14ac:dyDescent="0.25">
      <c r="A33" s="752" t="s">
        <v>253</v>
      </c>
      <c r="B33" s="2378">
        <v>329.5</v>
      </c>
      <c r="C33" s="2379">
        <v>322.39999999999998</v>
      </c>
      <c r="D33" s="2380">
        <v>311.10000000000002</v>
      </c>
      <c r="E33" s="2381">
        <v>319.60000000000002</v>
      </c>
      <c r="F33" s="2381">
        <v>326.2</v>
      </c>
      <c r="G33" s="753">
        <v>345.3</v>
      </c>
      <c r="H33" s="2382">
        <v>345.8</v>
      </c>
      <c r="I33" s="2381">
        <v>340.8</v>
      </c>
      <c r="J33" s="2381">
        <v>328.70000000000005</v>
      </c>
      <c r="K33" s="2383"/>
      <c r="L33" s="2384"/>
      <c r="M33" s="2385"/>
      <c r="N33" s="2385"/>
    </row>
    <row r="34" spans="1:14" ht="12" customHeight="1" x14ac:dyDescent="0.25">
      <c r="A34" s="754"/>
      <c r="B34" s="755"/>
      <c r="C34" s="755"/>
      <c r="D34" s="755"/>
      <c r="E34" s="755"/>
      <c r="F34" s="755"/>
      <c r="G34" s="755"/>
      <c r="H34" s="755"/>
      <c r="I34" s="755"/>
      <c r="J34" s="755"/>
      <c r="K34" s="755"/>
      <c r="L34" s="755"/>
      <c r="M34" s="755"/>
      <c r="N34" s="755"/>
    </row>
    <row r="35" spans="1:14" ht="18.649999999999999" customHeight="1" x14ac:dyDescent="0.25">
      <c r="A35" s="3222" t="s">
        <v>303</v>
      </c>
      <c r="B35" s="3223" t="s">
        <v>38</v>
      </c>
      <c r="C35" s="3223" t="s">
        <v>38</v>
      </c>
      <c r="D35" s="3223" t="s">
        <v>38</v>
      </c>
      <c r="E35" s="3223" t="s">
        <v>38</v>
      </c>
      <c r="F35" s="3223" t="s">
        <v>38</v>
      </c>
      <c r="G35" s="3223" t="s">
        <v>38</v>
      </c>
      <c r="H35" s="3223" t="s">
        <v>38</v>
      </c>
      <c r="I35" s="3223" t="s">
        <v>38</v>
      </c>
      <c r="J35" s="3223" t="s">
        <v>38</v>
      </c>
      <c r="K35" s="3223" t="s">
        <v>38</v>
      </c>
      <c r="L35" s="3223" t="s">
        <v>38</v>
      </c>
      <c r="M35" s="3223" t="s">
        <v>38</v>
      </c>
      <c r="N35" s="3223" t="s">
        <v>38</v>
      </c>
    </row>
    <row r="36" spans="1:14" ht="10.4" customHeight="1" x14ac:dyDescent="0.25">
      <c r="A36" s="3103" t="s">
        <v>195</v>
      </c>
      <c r="B36" s="3103" t="s">
        <v>38</v>
      </c>
      <c r="C36" s="3103" t="s">
        <v>38</v>
      </c>
      <c r="D36" s="3103" t="s">
        <v>38</v>
      </c>
      <c r="E36" s="3103" t="s">
        <v>38</v>
      </c>
      <c r="F36" s="3103" t="s">
        <v>38</v>
      </c>
      <c r="G36" s="3103" t="s">
        <v>38</v>
      </c>
      <c r="H36" s="3103" t="s">
        <v>38</v>
      </c>
      <c r="I36" s="3103" t="s">
        <v>38</v>
      </c>
      <c r="J36" s="3103" t="s">
        <v>38</v>
      </c>
      <c r="K36" s="3103" t="s">
        <v>38</v>
      </c>
      <c r="L36" s="3103" t="s">
        <v>38</v>
      </c>
      <c r="M36" s="3103" t="s">
        <v>38</v>
      </c>
      <c r="N36" s="3103" t="s">
        <v>38</v>
      </c>
    </row>
    <row r="37" spans="1:14" ht="10.4" customHeight="1" x14ac:dyDescent="0.25">
      <c r="A37" s="3103" t="s">
        <v>304</v>
      </c>
      <c r="B37" s="3103" t="s">
        <v>38</v>
      </c>
      <c r="C37" s="3103" t="s">
        <v>38</v>
      </c>
      <c r="D37" s="3103" t="s">
        <v>38</v>
      </c>
      <c r="E37" s="3103" t="s">
        <v>38</v>
      </c>
      <c r="F37" s="3103" t="s">
        <v>38</v>
      </c>
      <c r="G37" s="3103" t="s">
        <v>38</v>
      </c>
      <c r="H37" s="3103" t="s">
        <v>38</v>
      </c>
      <c r="I37" s="3103" t="s">
        <v>38</v>
      </c>
      <c r="J37" s="3103" t="s">
        <v>38</v>
      </c>
      <c r="K37" s="3103" t="s">
        <v>38</v>
      </c>
      <c r="L37" s="3103" t="s">
        <v>38</v>
      </c>
      <c r="M37" s="3103" t="s">
        <v>38</v>
      </c>
      <c r="N37" s="3103" t="s">
        <v>38</v>
      </c>
    </row>
    <row r="38" spans="1:14" ht="10.4" customHeight="1" x14ac:dyDescent="0.25">
      <c r="A38" s="3103" t="s">
        <v>794</v>
      </c>
      <c r="B38" s="3103" t="s">
        <v>38</v>
      </c>
      <c r="C38" s="3103" t="s">
        <v>38</v>
      </c>
      <c r="D38" s="3103" t="s">
        <v>38</v>
      </c>
      <c r="E38" s="3103" t="s">
        <v>38</v>
      </c>
      <c r="F38" s="3103" t="s">
        <v>38</v>
      </c>
      <c r="G38" s="3103" t="s">
        <v>38</v>
      </c>
      <c r="H38" s="3103" t="s">
        <v>38</v>
      </c>
      <c r="I38" s="3103" t="s">
        <v>38</v>
      </c>
      <c r="J38" s="3103" t="s">
        <v>38</v>
      </c>
      <c r="K38" s="3103" t="s">
        <v>38</v>
      </c>
      <c r="L38" s="3103" t="s">
        <v>38</v>
      </c>
      <c r="M38" s="3103" t="s">
        <v>38</v>
      </c>
      <c r="N38" s="3103" t="s">
        <v>38</v>
      </c>
    </row>
    <row r="39" spans="1:14" ht="10.4" customHeight="1" x14ac:dyDescent="0.25">
      <c r="A39" s="3103"/>
      <c r="B39" s="3103" t="s">
        <v>38</v>
      </c>
      <c r="C39" s="3103" t="s">
        <v>38</v>
      </c>
      <c r="D39" s="3103" t="s">
        <v>38</v>
      </c>
      <c r="E39" s="3103" t="s">
        <v>38</v>
      </c>
      <c r="F39" s="3103" t="s">
        <v>38</v>
      </c>
      <c r="G39" s="3103" t="s">
        <v>38</v>
      </c>
      <c r="H39" s="3103" t="s">
        <v>38</v>
      </c>
      <c r="I39" s="3103" t="s">
        <v>38</v>
      </c>
      <c r="J39" s="3103" t="s">
        <v>38</v>
      </c>
      <c r="K39" s="3103" t="s">
        <v>38</v>
      </c>
      <c r="L39" s="3103" t="s">
        <v>38</v>
      </c>
      <c r="M39" s="3103" t="s">
        <v>38</v>
      </c>
      <c r="N39" s="3103" t="s">
        <v>38</v>
      </c>
    </row>
  </sheetData>
  <mergeCells count="11">
    <mergeCell ref="A2:N2"/>
    <mergeCell ref="B3:C3"/>
    <mergeCell ref="D3:G3"/>
    <mergeCell ref="H3:J3"/>
    <mergeCell ref="K3:L3"/>
    <mergeCell ref="M3:N3"/>
    <mergeCell ref="A35:N35"/>
    <mergeCell ref="A36:N36"/>
    <mergeCell ref="A37:N37"/>
    <mergeCell ref="A38:N38"/>
    <mergeCell ref="A39:N39"/>
  </mergeCells>
  <hyperlinks>
    <hyperlink ref="A1" location="TDM!A1" display="Retour à la table des matières" xr:uid="{00000000-0004-0000-1000-000000000000}"/>
  </hyperlinks>
  <printOptions horizontalCentered="1"/>
  <pageMargins left="0.51181102362204722" right="0.51181102362204722" top="0.51181102362204722" bottom="0.51181102362204722" header="0.23622047244094491" footer="0.23622047244094491"/>
  <pageSetup scale="68" orientation="landscape" r:id="rId1"/>
  <headerFooter>
    <oddFooter>&amp;L&amp;G&amp;C&amp;"Scotia,Regular"&amp;9Informations financières supplémentaires (IFS)&amp;R&amp;"Scotia,Regular"&amp;9&amp;A</oddFooter>
  </headerFooter>
  <legacyDrawingHF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C6C421-C0A9-41C8-952B-5AC702F03D26}">
  <sheetPr>
    <pageSetUpPr fitToPage="1"/>
  </sheetPr>
  <dimension ref="A1:N52"/>
  <sheetViews>
    <sheetView showGridLines="0" zoomScaleNormal="100" workbookViewId="0"/>
  </sheetViews>
  <sheetFormatPr defaultColWidth="8.7265625" defaultRowHeight="12.5" x14ac:dyDescent="0.25"/>
  <cols>
    <col min="1" max="1" width="85.7265625" style="25" customWidth="1"/>
    <col min="2" max="10" width="8.7265625" style="25" customWidth="1"/>
    <col min="11" max="11" width="11.7265625" style="25" customWidth="1"/>
    <col min="12" max="13" width="8.7265625" style="25" customWidth="1"/>
    <col min="14" max="14" width="8.26953125" style="25" customWidth="1"/>
    <col min="15" max="16384" width="8.7265625" style="25"/>
  </cols>
  <sheetData>
    <row r="1" spans="1:14" ht="20.149999999999999" customHeight="1" x14ac:dyDescent="0.25">
      <c r="A1" s="24" t="s">
        <v>37</v>
      </c>
    </row>
    <row r="2" spans="1:14" ht="25.5" customHeight="1" x14ac:dyDescent="0.25">
      <c r="A2" s="3232" t="s">
        <v>25</v>
      </c>
      <c r="B2" s="3232" t="s">
        <v>38</v>
      </c>
      <c r="C2" s="3232" t="s">
        <v>38</v>
      </c>
      <c r="D2" s="3232" t="s">
        <v>38</v>
      </c>
      <c r="E2" s="3232" t="s">
        <v>38</v>
      </c>
      <c r="F2" s="3232" t="s">
        <v>38</v>
      </c>
      <c r="G2" s="3232" t="s">
        <v>38</v>
      </c>
      <c r="H2" s="3232" t="s">
        <v>38</v>
      </c>
      <c r="I2" s="3232" t="s">
        <v>38</v>
      </c>
      <c r="J2" s="3232" t="s">
        <v>38</v>
      </c>
      <c r="K2" s="3232" t="s">
        <v>38</v>
      </c>
      <c r="L2" s="3232" t="s">
        <v>38</v>
      </c>
      <c r="M2" s="3232" t="s">
        <v>38</v>
      </c>
      <c r="N2" s="3232" t="s">
        <v>38</v>
      </c>
    </row>
    <row r="3" spans="1:14" ht="14.15" customHeight="1" x14ac:dyDescent="0.25">
      <c r="A3" s="756"/>
      <c r="B3" s="3233" t="s">
        <v>174</v>
      </c>
      <c r="C3" s="3234" t="s">
        <v>38</v>
      </c>
      <c r="D3" s="3235" t="s">
        <v>240</v>
      </c>
      <c r="E3" s="3236" t="s">
        <v>38</v>
      </c>
      <c r="F3" s="3236" t="s">
        <v>38</v>
      </c>
      <c r="G3" s="3237" t="s">
        <v>38</v>
      </c>
      <c r="H3" s="3235" t="s">
        <v>241</v>
      </c>
      <c r="I3" s="3236" t="s">
        <v>38</v>
      </c>
      <c r="J3" s="3236" t="s">
        <v>38</v>
      </c>
      <c r="K3" s="3238" t="s">
        <v>716</v>
      </c>
      <c r="L3" s="3239" t="s">
        <v>38</v>
      </c>
      <c r="M3" s="3236" t="s">
        <v>717</v>
      </c>
      <c r="N3" s="3236" t="s">
        <v>38</v>
      </c>
    </row>
    <row r="4" spans="1:14" ht="14.15" customHeight="1" x14ac:dyDescent="0.25">
      <c r="A4" s="757" t="s">
        <v>46</v>
      </c>
      <c r="B4" s="758" t="s">
        <v>49</v>
      </c>
      <c r="C4" s="759" t="s">
        <v>45</v>
      </c>
      <c r="D4" s="760" t="s">
        <v>569</v>
      </c>
      <c r="E4" s="761" t="s">
        <v>570</v>
      </c>
      <c r="F4" s="761" t="s">
        <v>49</v>
      </c>
      <c r="G4" s="759" t="s">
        <v>45</v>
      </c>
      <c r="H4" s="762" t="s">
        <v>569</v>
      </c>
      <c r="I4" s="761" t="s">
        <v>570</v>
      </c>
      <c r="J4" s="761" t="s">
        <v>49</v>
      </c>
      <c r="K4" s="763">
        <v>2023</v>
      </c>
      <c r="L4" s="764">
        <v>2022</v>
      </c>
      <c r="M4" s="765">
        <v>2022</v>
      </c>
      <c r="N4" s="765">
        <v>2021</v>
      </c>
    </row>
    <row r="5" spans="1:14" ht="14.15" customHeight="1" x14ac:dyDescent="0.25">
      <c r="A5" s="766" t="s">
        <v>306</v>
      </c>
      <c r="B5" s="767"/>
      <c r="C5" s="768"/>
      <c r="D5" s="769"/>
      <c r="E5" s="770"/>
      <c r="F5" s="770"/>
      <c r="G5" s="768"/>
      <c r="H5" s="771"/>
      <c r="I5" s="770"/>
      <c r="J5" s="770"/>
      <c r="K5" s="771"/>
      <c r="L5" s="772"/>
      <c r="M5" s="770"/>
      <c r="N5" s="770"/>
    </row>
    <row r="6" spans="1:14" ht="14.15" customHeight="1" x14ac:dyDescent="0.25">
      <c r="A6" s="773" t="s">
        <v>307</v>
      </c>
      <c r="B6" s="2386">
        <v>1377</v>
      </c>
      <c r="C6" s="689">
        <v>1368</v>
      </c>
      <c r="D6" s="2387">
        <v>1290</v>
      </c>
      <c r="E6" s="2388">
        <v>1273</v>
      </c>
      <c r="F6" s="2388">
        <v>1212</v>
      </c>
      <c r="G6" s="690">
        <v>1214</v>
      </c>
      <c r="H6" s="2389">
        <v>1192</v>
      </c>
      <c r="I6" s="2388">
        <v>1190</v>
      </c>
      <c r="J6" s="2388">
        <v>1134</v>
      </c>
      <c r="K6" s="2390">
        <v>2745</v>
      </c>
      <c r="L6" s="2391">
        <v>2426</v>
      </c>
      <c r="M6" s="2388">
        <v>4989</v>
      </c>
      <c r="N6" s="2388">
        <v>4694</v>
      </c>
    </row>
    <row r="7" spans="1:14" ht="14.15" customHeight="1" x14ac:dyDescent="0.25">
      <c r="A7" s="773" t="s">
        <v>308</v>
      </c>
      <c r="B7" s="2386">
        <v>523</v>
      </c>
      <c r="C7" s="689">
        <v>515</v>
      </c>
      <c r="D7" s="2387">
        <v>493</v>
      </c>
      <c r="E7" s="2388">
        <v>458</v>
      </c>
      <c r="F7" s="2388">
        <v>483</v>
      </c>
      <c r="G7" s="690">
        <v>570</v>
      </c>
      <c r="H7" s="2389">
        <v>458</v>
      </c>
      <c r="I7" s="2388">
        <v>513</v>
      </c>
      <c r="J7" s="2388">
        <v>541</v>
      </c>
      <c r="K7" s="2390">
        <v>1038</v>
      </c>
      <c r="L7" s="2391">
        <v>1053</v>
      </c>
      <c r="M7" s="2388">
        <v>2004</v>
      </c>
      <c r="N7" s="2388">
        <v>2086</v>
      </c>
    </row>
    <row r="8" spans="1:14" ht="14.15" customHeight="1" x14ac:dyDescent="0.25">
      <c r="A8" s="773" t="s">
        <v>309</v>
      </c>
      <c r="B8" s="2386">
        <v>108</v>
      </c>
      <c r="C8" s="689">
        <v>81</v>
      </c>
      <c r="D8" s="2387">
        <v>54</v>
      </c>
      <c r="E8" s="2388">
        <v>71</v>
      </c>
      <c r="F8" s="2388">
        <v>87</v>
      </c>
      <c r="G8" s="690">
        <v>123</v>
      </c>
      <c r="H8" s="2389">
        <v>55</v>
      </c>
      <c r="I8" s="2388">
        <v>40</v>
      </c>
      <c r="J8" s="2388">
        <v>41</v>
      </c>
      <c r="K8" s="2390">
        <v>189</v>
      </c>
      <c r="L8" s="2391">
        <v>210</v>
      </c>
      <c r="M8" s="2388">
        <v>335</v>
      </c>
      <c r="N8" s="2388">
        <v>223</v>
      </c>
    </row>
    <row r="9" spans="1:14" ht="14.15" customHeight="1" x14ac:dyDescent="0.25">
      <c r="A9" s="773" t="s">
        <v>310</v>
      </c>
      <c r="B9" s="2386">
        <v>417</v>
      </c>
      <c r="C9" s="689">
        <v>376</v>
      </c>
      <c r="D9" s="2387">
        <v>350</v>
      </c>
      <c r="E9" s="2388">
        <v>392</v>
      </c>
      <c r="F9" s="2388">
        <v>393</v>
      </c>
      <c r="G9" s="690">
        <v>373</v>
      </c>
      <c r="H9" s="2389">
        <v>349</v>
      </c>
      <c r="I9" s="2388">
        <v>388</v>
      </c>
      <c r="J9" s="2388">
        <v>412</v>
      </c>
      <c r="K9" s="2390">
        <v>793</v>
      </c>
      <c r="L9" s="2391">
        <v>766</v>
      </c>
      <c r="M9" s="2388">
        <v>1508</v>
      </c>
      <c r="N9" s="2388">
        <v>1538</v>
      </c>
    </row>
    <row r="10" spans="1:14" ht="14.15" customHeight="1" x14ac:dyDescent="0.25">
      <c r="A10" s="776" t="s">
        <v>311</v>
      </c>
      <c r="B10" s="2386">
        <v>2425</v>
      </c>
      <c r="C10" s="689">
        <v>2340</v>
      </c>
      <c r="D10" s="2387">
        <v>2187</v>
      </c>
      <c r="E10" s="2388">
        <v>2194</v>
      </c>
      <c r="F10" s="2388">
        <v>2175</v>
      </c>
      <c r="G10" s="690">
        <v>2280</v>
      </c>
      <c r="H10" s="2389">
        <v>2054</v>
      </c>
      <c r="I10" s="2388">
        <v>2131</v>
      </c>
      <c r="J10" s="2388">
        <v>2128</v>
      </c>
      <c r="K10" s="2390">
        <v>4765</v>
      </c>
      <c r="L10" s="2391">
        <v>4455</v>
      </c>
      <c r="M10" s="2388">
        <v>8836</v>
      </c>
      <c r="N10" s="2388">
        <v>8541</v>
      </c>
    </row>
    <row r="11" spans="1:14" ht="14.15" customHeight="1" x14ac:dyDescent="0.25">
      <c r="A11" s="777"/>
      <c r="B11" s="2392"/>
      <c r="C11" s="2393"/>
      <c r="D11" s="2394"/>
      <c r="E11" s="2395"/>
      <c r="F11" s="2395"/>
      <c r="G11" s="724"/>
      <c r="H11" s="2396"/>
      <c r="I11" s="2395"/>
      <c r="J11" s="2395"/>
      <c r="K11" s="2397"/>
      <c r="L11" s="2398"/>
      <c r="M11" s="2395"/>
      <c r="N11" s="2395"/>
    </row>
    <row r="12" spans="1:14" ht="14.15" customHeight="1" x14ac:dyDescent="0.25">
      <c r="A12" s="777" t="s">
        <v>312</v>
      </c>
      <c r="B12" s="2392"/>
      <c r="C12" s="2393"/>
      <c r="D12" s="2394"/>
      <c r="E12" s="2395"/>
      <c r="F12" s="2395"/>
      <c r="G12" s="724"/>
      <c r="H12" s="2396"/>
      <c r="I12" s="2395"/>
      <c r="J12" s="2395"/>
      <c r="K12" s="2397"/>
      <c r="L12" s="2398"/>
      <c r="M12" s="2395"/>
      <c r="N12" s="2395"/>
    </row>
    <row r="13" spans="1:14" ht="14.15" customHeight="1" x14ac:dyDescent="0.25">
      <c r="A13" s="773" t="s">
        <v>313</v>
      </c>
      <c r="B13" s="2386">
        <v>0</v>
      </c>
      <c r="C13" s="689">
        <v>1</v>
      </c>
      <c r="D13" s="2387">
        <v>0</v>
      </c>
      <c r="E13" s="2388">
        <v>5</v>
      </c>
      <c r="F13" s="2388">
        <v>-6</v>
      </c>
      <c r="G13" s="690">
        <v>-1</v>
      </c>
      <c r="H13" s="2389">
        <v>-1</v>
      </c>
      <c r="I13" s="2388">
        <v>1</v>
      </c>
      <c r="J13" s="2388">
        <v>-1</v>
      </c>
      <c r="K13" s="2390">
        <v>1</v>
      </c>
      <c r="L13" s="2391">
        <v>-7</v>
      </c>
      <c r="M13" s="2388">
        <v>-2</v>
      </c>
      <c r="N13" s="2388">
        <v>1</v>
      </c>
    </row>
    <row r="14" spans="1:14" ht="14.15" customHeight="1" x14ac:dyDescent="0.25">
      <c r="A14" s="773" t="s">
        <v>314</v>
      </c>
      <c r="B14" s="2386">
        <v>24</v>
      </c>
      <c r="C14" s="689">
        <v>23</v>
      </c>
      <c r="D14" s="2387">
        <v>21</v>
      </c>
      <c r="E14" s="2388">
        <v>25</v>
      </c>
      <c r="F14" s="2388">
        <v>25</v>
      </c>
      <c r="G14" s="690">
        <v>21</v>
      </c>
      <c r="H14" s="2389">
        <v>23</v>
      </c>
      <c r="I14" s="2388">
        <v>27</v>
      </c>
      <c r="J14" s="2388">
        <v>24</v>
      </c>
      <c r="K14" s="2390">
        <v>47</v>
      </c>
      <c r="L14" s="2391">
        <v>46</v>
      </c>
      <c r="M14" s="2388">
        <v>92</v>
      </c>
      <c r="N14" s="2388">
        <v>97</v>
      </c>
    </row>
    <row r="15" spans="1:14" ht="14.15" customHeight="1" x14ac:dyDescent="0.25">
      <c r="A15" s="773" t="s">
        <v>315</v>
      </c>
      <c r="B15" s="2386">
        <v>112</v>
      </c>
      <c r="C15" s="689">
        <v>110</v>
      </c>
      <c r="D15" s="2387">
        <v>110</v>
      </c>
      <c r="E15" s="2388">
        <v>106</v>
      </c>
      <c r="F15" s="2388">
        <v>110</v>
      </c>
      <c r="G15" s="690">
        <v>100</v>
      </c>
      <c r="H15" s="2389">
        <v>101</v>
      </c>
      <c r="I15" s="2388">
        <v>103</v>
      </c>
      <c r="J15" s="2388">
        <v>106</v>
      </c>
      <c r="K15" s="2390">
        <v>222</v>
      </c>
      <c r="L15" s="2391">
        <v>210</v>
      </c>
      <c r="M15" s="2388">
        <v>426</v>
      </c>
      <c r="N15" s="2388">
        <v>415</v>
      </c>
    </row>
    <row r="16" spans="1:14" ht="14.15" customHeight="1" x14ac:dyDescent="0.25">
      <c r="A16" s="776" t="s">
        <v>316</v>
      </c>
      <c r="B16" s="2386">
        <v>136</v>
      </c>
      <c r="C16" s="689">
        <v>134</v>
      </c>
      <c r="D16" s="2387">
        <v>131</v>
      </c>
      <c r="E16" s="2388">
        <v>136</v>
      </c>
      <c r="F16" s="2388">
        <v>129</v>
      </c>
      <c r="G16" s="690">
        <v>120</v>
      </c>
      <c r="H16" s="2389">
        <v>123</v>
      </c>
      <c r="I16" s="2388">
        <v>131</v>
      </c>
      <c r="J16" s="2388">
        <v>129</v>
      </c>
      <c r="K16" s="2390">
        <v>270</v>
      </c>
      <c r="L16" s="2391">
        <v>249</v>
      </c>
      <c r="M16" s="2388">
        <v>516</v>
      </c>
      <c r="N16" s="2388">
        <v>513</v>
      </c>
    </row>
    <row r="17" spans="1:14" ht="14.15" customHeight="1" x14ac:dyDescent="0.25">
      <c r="A17" s="777"/>
      <c r="B17" s="2392"/>
      <c r="C17" s="2393"/>
      <c r="D17" s="2394"/>
      <c r="E17" s="2395"/>
      <c r="F17" s="2395"/>
      <c r="G17" s="724"/>
      <c r="H17" s="2396"/>
      <c r="I17" s="2395"/>
      <c r="J17" s="2395"/>
      <c r="K17" s="2397"/>
      <c r="L17" s="2398"/>
      <c r="M17" s="2395"/>
      <c r="N17" s="2395"/>
    </row>
    <row r="18" spans="1:14" ht="14.15" customHeight="1" x14ac:dyDescent="0.25">
      <c r="A18" s="777" t="s">
        <v>317</v>
      </c>
      <c r="B18" s="2386">
        <v>521</v>
      </c>
      <c r="C18" s="689">
        <v>506</v>
      </c>
      <c r="D18" s="2387">
        <v>505</v>
      </c>
      <c r="E18" s="2388">
        <v>476</v>
      </c>
      <c r="F18" s="2388">
        <v>461</v>
      </c>
      <c r="G18" s="690">
        <v>466</v>
      </c>
      <c r="H18" s="2389">
        <v>475</v>
      </c>
      <c r="I18" s="2388">
        <v>466</v>
      </c>
      <c r="J18" s="2388">
        <v>452</v>
      </c>
      <c r="K18" s="2390">
        <v>1027</v>
      </c>
      <c r="L18" s="2391">
        <v>927</v>
      </c>
      <c r="M18" s="2388">
        <v>1908</v>
      </c>
      <c r="N18" s="2388">
        <v>1838</v>
      </c>
    </row>
    <row r="19" spans="1:14" ht="14.15" customHeight="1" x14ac:dyDescent="0.25">
      <c r="A19" s="777"/>
      <c r="B19" s="2392"/>
      <c r="C19" s="2393"/>
      <c r="D19" s="2394"/>
      <c r="E19" s="2395"/>
      <c r="F19" s="2395"/>
      <c r="G19" s="724"/>
      <c r="H19" s="2396"/>
      <c r="I19" s="2395"/>
      <c r="J19" s="2395"/>
      <c r="K19" s="2397"/>
      <c r="L19" s="2398"/>
      <c r="M19" s="2395"/>
      <c r="N19" s="2395"/>
    </row>
    <row r="20" spans="1:14" ht="14.15" customHeight="1" x14ac:dyDescent="0.25">
      <c r="A20" s="777" t="s">
        <v>318</v>
      </c>
      <c r="B20" s="2386">
        <v>197</v>
      </c>
      <c r="C20" s="689">
        <v>189</v>
      </c>
      <c r="D20" s="2387">
        <v>193</v>
      </c>
      <c r="E20" s="2388">
        <v>183</v>
      </c>
      <c r="F20" s="2388">
        <v>187</v>
      </c>
      <c r="G20" s="690">
        <v>186</v>
      </c>
      <c r="H20" s="2389">
        <v>194</v>
      </c>
      <c r="I20" s="2388">
        <v>190</v>
      </c>
      <c r="J20" s="2388">
        <v>192</v>
      </c>
      <c r="K20" s="2390">
        <v>386</v>
      </c>
      <c r="L20" s="2391">
        <v>373</v>
      </c>
      <c r="M20" s="2388">
        <v>749</v>
      </c>
      <c r="N20" s="2388">
        <v>769</v>
      </c>
    </row>
    <row r="21" spans="1:14" ht="14.15" customHeight="1" x14ac:dyDescent="0.25">
      <c r="A21" s="777"/>
      <c r="B21" s="2392"/>
      <c r="C21" s="2393"/>
      <c r="D21" s="2394"/>
      <c r="E21" s="2395"/>
      <c r="F21" s="2395"/>
      <c r="G21" s="724"/>
      <c r="H21" s="2396"/>
      <c r="I21" s="2395"/>
      <c r="J21" s="2395"/>
      <c r="K21" s="2397"/>
      <c r="L21" s="2398"/>
      <c r="M21" s="2395"/>
      <c r="N21" s="2395"/>
    </row>
    <row r="22" spans="1:14" ht="14.15" customHeight="1" x14ac:dyDescent="0.25">
      <c r="A22" s="777" t="s">
        <v>319</v>
      </c>
      <c r="B22" s="2392"/>
      <c r="C22" s="2393"/>
      <c r="D22" s="2394"/>
      <c r="E22" s="2395"/>
      <c r="F22" s="2395"/>
      <c r="G22" s="724"/>
      <c r="H22" s="2396"/>
      <c r="I22" s="2395"/>
      <c r="J22" s="2395"/>
      <c r="K22" s="2397"/>
      <c r="L22" s="2398"/>
      <c r="M22" s="2395"/>
      <c r="N22" s="2395"/>
    </row>
    <row r="23" spans="1:14" ht="14.15" customHeight="1" x14ac:dyDescent="0.25">
      <c r="A23" s="773" t="s">
        <v>320</v>
      </c>
      <c r="B23" s="2386">
        <v>194</v>
      </c>
      <c r="C23" s="689">
        <v>196</v>
      </c>
      <c r="D23" s="2387">
        <v>178</v>
      </c>
      <c r="E23" s="2388">
        <v>174</v>
      </c>
      <c r="F23" s="2388">
        <v>169</v>
      </c>
      <c r="G23" s="690">
        <v>164</v>
      </c>
      <c r="H23" s="2389">
        <v>165</v>
      </c>
      <c r="I23" s="2388">
        <v>159</v>
      </c>
      <c r="J23" s="2388">
        <v>157</v>
      </c>
      <c r="K23" s="2390">
        <v>390</v>
      </c>
      <c r="L23" s="2391">
        <v>333</v>
      </c>
      <c r="M23" s="2388">
        <v>685</v>
      </c>
      <c r="N23" s="2388">
        <v>640</v>
      </c>
    </row>
    <row r="24" spans="1:14" ht="14.15" customHeight="1" x14ac:dyDescent="0.25">
      <c r="A24" s="773" t="s">
        <v>321</v>
      </c>
      <c r="B24" s="2386">
        <v>21</v>
      </c>
      <c r="C24" s="689">
        <v>21</v>
      </c>
      <c r="D24" s="2387">
        <v>23</v>
      </c>
      <c r="E24" s="2388">
        <v>24</v>
      </c>
      <c r="F24" s="2388">
        <v>25</v>
      </c>
      <c r="G24" s="690">
        <v>25</v>
      </c>
      <c r="H24" s="2389">
        <v>24</v>
      </c>
      <c r="I24" s="2388">
        <v>24</v>
      </c>
      <c r="J24" s="2388">
        <v>26</v>
      </c>
      <c r="K24" s="2390">
        <v>42</v>
      </c>
      <c r="L24" s="2391">
        <v>50</v>
      </c>
      <c r="M24" s="2388">
        <v>97</v>
      </c>
      <c r="N24" s="2388">
        <v>102</v>
      </c>
    </row>
    <row r="25" spans="1:14" ht="14.15" customHeight="1" x14ac:dyDescent="0.25">
      <c r="A25" s="776" t="s">
        <v>322</v>
      </c>
      <c r="B25" s="2386">
        <v>215</v>
      </c>
      <c r="C25" s="689">
        <v>217</v>
      </c>
      <c r="D25" s="2387">
        <v>201</v>
      </c>
      <c r="E25" s="2388">
        <v>198</v>
      </c>
      <c r="F25" s="2388">
        <v>194</v>
      </c>
      <c r="G25" s="690">
        <v>189</v>
      </c>
      <c r="H25" s="2389">
        <v>189</v>
      </c>
      <c r="I25" s="2388">
        <v>183</v>
      </c>
      <c r="J25" s="2388">
        <v>183</v>
      </c>
      <c r="K25" s="2390">
        <v>432</v>
      </c>
      <c r="L25" s="2391">
        <v>383</v>
      </c>
      <c r="M25" s="2388">
        <v>782</v>
      </c>
      <c r="N25" s="2388">
        <v>742</v>
      </c>
    </row>
    <row r="26" spans="1:14" ht="14.15" customHeight="1" x14ac:dyDescent="0.25">
      <c r="A26" s="777"/>
      <c r="B26" s="2392"/>
      <c r="C26" s="2393"/>
      <c r="D26" s="2394"/>
      <c r="E26" s="2395"/>
      <c r="F26" s="2395"/>
      <c r="G26" s="724"/>
      <c r="H26" s="2396"/>
      <c r="I26" s="2395"/>
      <c r="J26" s="2395"/>
      <c r="K26" s="2397"/>
      <c r="L26" s="2398"/>
      <c r="M26" s="2395"/>
      <c r="N26" s="2395"/>
    </row>
    <row r="27" spans="1:14" ht="14.15" customHeight="1" x14ac:dyDescent="0.25">
      <c r="A27" s="777" t="s">
        <v>323</v>
      </c>
      <c r="B27" s="2386">
        <v>101</v>
      </c>
      <c r="C27" s="689">
        <v>94</v>
      </c>
      <c r="D27" s="2387">
        <v>90</v>
      </c>
      <c r="E27" s="2388">
        <v>88</v>
      </c>
      <c r="F27" s="2388">
        <v>93</v>
      </c>
      <c r="G27" s="690">
        <v>90</v>
      </c>
      <c r="H27" s="2389">
        <v>93</v>
      </c>
      <c r="I27" s="2388">
        <v>86</v>
      </c>
      <c r="J27" s="2388">
        <v>94</v>
      </c>
      <c r="K27" s="2390">
        <v>195</v>
      </c>
      <c r="L27" s="2391">
        <v>183</v>
      </c>
      <c r="M27" s="2388">
        <v>361</v>
      </c>
      <c r="N27" s="2388">
        <v>369</v>
      </c>
    </row>
    <row r="28" spans="1:14" ht="14.15" customHeight="1" x14ac:dyDescent="0.25">
      <c r="A28" s="777"/>
      <c r="B28" s="2392"/>
      <c r="C28" s="2393"/>
      <c r="D28" s="2394"/>
      <c r="E28" s="2395"/>
      <c r="F28" s="2395"/>
      <c r="G28" s="724"/>
      <c r="H28" s="2396"/>
      <c r="I28" s="2395"/>
      <c r="J28" s="2395"/>
      <c r="K28" s="2397"/>
      <c r="L28" s="2398"/>
      <c r="M28" s="2395"/>
      <c r="N28" s="2395"/>
    </row>
    <row r="29" spans="1:14" ht="14.15" customHeight="1" x14ac:dyDescent="0.25">
      <c r="A29" s="777" t="s">
        <v>324</v>
      </c>
      <c r="B29" s="2386">
        <v>139</v>
      </c>
      <c r="C29" s="689">
        <v>136</v>
      </c>
      <c r="D29" s="2387">
        <v>140</v>
      </c>
      <c r="E29" s="2388">
        <v>123</v>
      </c>
      <c r="F29" s="2388">
        <v>108</v>
      </c>
      <c r="G29" s="690">
        <v>109</v>
      </c>
      <c r="H29" s="2389">
        <v>126</v>
      </c>
      <c r="I29" s="2388">
        <v>93</v>
      </c>
      <c r="J29" s="2388">
        <v>94</v>
      </c>
      <c r="K29" s="2390">
        <v>275</v>
      </c>
      <c r="L29" s="2391">
        <v>217</v>
      </c>
      <c r="M29" s="2388">
        <v>480</v>
      </c>
      <c r="N29" s="2388">
        <v>404</v>
      </c>
    </row>
    <row r="30" spans="1:14" ht="14.15" customHeight="1" x14ac:dyDescent="0.25">
      <c r="A30" s="777"/>
      <c r="B30" s="2392"/>
      <c r="C30" s="2393"/>
      <c r="D30" s="2394"/>
      <c r="E30" s="2395"/>
      <c r="F30" s="2395"/>
      <c r="G30" s="724"/>
      <c r="H30" s="2396"/>
      <c r="I30" s="2395"/>
      <c r="J30" s="2395"/>
      <c r="K30" s="2397"/>
      <c r="L30" s="2398"/>
      <c r="M30" s="2395"/>
      <c r="N30" s="2395"/>
    </row>
    <row r="31" spans="1:14" ht="14.15" customHeight="1" x14ac:dyDescent="0.25">
      <c r="A31" s="777" t="s">
        <v>325</v>
      </c>
      <c r="B31" s="2386">
        <v>187</v>
      </c>
      <c r="C31" s="689">
        <v>175</v>
      </c>
      <c r="D31" s="2387">
        <v>239</v>
      </c>
      <c r="E31" s="2388">
        <v>200</v>
      </c>
      <c r="F31" s="2388">
        <v>195</v>
      </c>
      <c r="G31" s="690">
        <v>192</v>
      </c>
      <c r="H31" s="2389">
        <v>242</v>
      </c>
      <c r="I31" s="2388">
        <v>211</v>
      </c>
      <c r="J31" s="2388">
        <v>179</v>
      </c>
      <c r="K31" s="2390">
        <v>362</v>
      </c>
      <c r="L31" s="2391">
        <v>387</v>
      </c>
      <c r="M31" s="2388">
        <v>826</v>
      </c>
      <c r="N31" s="2388">
        <v>789</v>
      </c>
    </row>
    <row r="32" spans="1:14" ht="14.15" customHeight="1" x14ac:dyDescent="0.25">
      <c r="A32" s="777"/>
      <c r="B32" s="2392"/>
      <c r="C32" s="2393"/>
      <c r="D32" s="2394"/>
      <c r="E32" s="2395"/>
      <c r="F32" s="2395"/>
      <c r="G32" s="724"/>
      <c r="H32" s="2396"/>
      <c r="I32" s="2395"/>
      <c r="J32" s="2395"/>
      <c r="K32" s="2397"/>
      <c r="L32" s="2398"/>
      <c r="M32" s="2395"/>
      <c r="N32" s="2395"/>
    </row>
    <row r="33" spans="1:14" ht="14.15" customHeight="1" x14ac:dyDescent="0.25">
      <c r="A33" s="777" t="s">
        <v>326</v>
      </c>
      <c r="B33" s="2392"/>
      <c r="C33" s="2393"/>
      <c r="D33" s="2394"/>
      <c r="E33" s="2395"/>
      <c r="F33" s="2395"/>
      <c r="G33" s="724"/>
      <c r="H33" s="2396"/>
      <c r="I33" s="2395"/>
      <c r="J33" s="2395"/>
      <c r="K33" s="2397"/>
      <c r="L33" s="2398"/>
      <c r="M33" s="2395"/>
      <c r="N33" s="2395"/>
    </row>
    <row r="34" spans="1:14" ht="14.15" customHeight="1" x14ac:dyDescent="0.25">
      <c r="A34" s="773" t="s">
        <v>327</v>
      </c>
      <c r="B34" s="2386">
        <v>138</v>
      </c>
      <c r="C34" s="689">
        <v>140</v>
      </c>
      <c r="D34" s="2387">
        <v>121</v>
      </c>
      <c r="E34" s="2388">
        <v>120</v>
      </c>
      <c r="F34" s="2388">
        <v>116</v>
      </c>
      <c r="G34" s="690">
        <v>126</v>
      </c>
      <c r="H34" s="2389">
        <v>110</v>
      </c>
      <c r="I34" s="2388">
        <v>109</v>
      </c>
      <c r="J34" s="2388">
        <v>112</v>
      </c>
      <c r="K34" s="2390">
        <v>278</v>
      </c>
      <c r="L34" s="2391">
        <v>242</v>
      </c>
      <c r="M34" s="2388">
        <v>483</v>
      </c>
      <c r="N34" s="2388">
        <v>461</v>
      </c>
    </row>
    <row r="35" spans="1:14" ht="14.15" customHeight="1" x14ac:dyDescent="0.25">
      <c r="A35" s="773" t="s">
        <v>328</v>
      </c>
      <c r="B35" s="2386">
        <v>20</v>
      </c>
      <c r="C35" s="689">
        <v>21</v>
      </c>
      <c r="D35" s="2387">
        <v>13</v>
      </c>
      <c r="E35" s="2388">
        <v>15</v>
      </c>
      <c r="F35" s="2388">
        <v>16</v>
      </c>
      <c r="G35" s="690">
        <v>14</v>
      </c>
      <c r="H35" s="2389">
        <v>10</v>
      </c>
      <c r="I35" s="2388">
        <v>13</v>
      </c>
      <c r="J35" s="2388">
        <v>14</v>
      </c>
      <c r="K35" s="2390">
        <v>41</v>
      </c>
      <c r="L35" s="2391">
        <v>30</v>
      </c>
      <c r="M35" s="2388">
        <v>58</v>
      </c>
      <c r="N35" s="2388">
        <v>50</v>
      </c>
    </row>
    <row r="36" spans="1:14" ht="14.15" customHeight="1" x14ac:dyDescent="0.25">
      <c r="A36" s="776" t="s">
        <v>329</v>
      </c>
      <c r="B36" s="2386">
        <v>158</v>
      </c>
      <c r="C36" s="689">
        <v>161</v>
      </c>
      <c r="D36" s="2387">
        <v>134</v>
      </c>
      <c r="E36" s="2388">
        <v>135</v>
      </c>
      <c r="F36" s="2388">
        <v>132</v>
      </c>
      <c r="G36" s="690">
        <v>140</v>
      </c>
      <c r="H36" s="2389">
        <v>120</v>
      </c>
      <c r="I36" s="2388">
        <v>122</v>
      </c>
      <c r="J36" s="2388">
        <v>126</v>
      </c>
      <c r="K36" s="2390">
        <v>319</v>
      </c>
      <c r="L36" s="2391">
        <v>272</v>
      </c>
      <c r="M36" s="2388">
        <v>541</v>
      </c>
      <c r="N36" s="2388">
        <v>511</v>
      </c>
    </row>
    <row r="37" spans="1:14" ht="14.15" customHeight="1" x14ac:dyDescent="0.25">
      <c r="A37" s="777"/>
      <c r="B37" s="2392"/>
      <c r="C37" s="2393"/>
      <c r="D37" s="2394"/>
      <c r="E37" s="2395"/>
      <c r="F37" s="2395"/>
      <c r="G37" s="724"/>
      <c r="H37" s="2396"/>
      <c r="I37" s="2395"/>
      <c r="J37" s="2395"/>
      <c r="K37" s="2397"/>
      <c r="L37" s="2398"/>
      <c r="M37" s="2395"/>
      <c r="N37" s="2395"/>
    </row>
    <row r="38" spans="1:14" ht="14.15" customHeight="1" x14ac:dyDescent="0.25">
      <c r="A38" s="777" t="s">
        <v>572</v>
      </c>
      <c r="B38" s="2386">
        <v>497</v>
      </c>
      <c r="C38" s="689">
        <v>512</v>
      </c>
      <c r="D38" s="2387">
        <v>709</v>
      </c>
      <c r="E38" s="2388">
        <v>458</v>
      </c>
      <c r="F38" s="2388">
        <v>485</v>
      </c>
      <c r="G38" s="690">
        <v>451</v>
      </c>
      <c r="H38" s="2389">
        <v>655</v>
      </c>
      <c r="I38" s="2388">
        <v>484</v>
      </c>
      <c r="J38" s="2388">
        <v>465</v>
      </c>
      <c r="K38" s="2390">
        <v>1009</v>
      </c>
      <c r="L38" s="2391">
        <v>936</v>
      </c>
      <c r="M38" s="2388">
        <v>2103</v>
      </c>
      <c r="N38" s="2388">
        <v>2142</v>
      </c>
    </row>
    <row r="39" spans="1:14" ht="14.15" customHeight="1" x14ac:dyDescent="0.25">
      <c r="A39" s="777"/>
      <c r="B39" s="2392"/>
      <c r="C39" s="2393"/>
      <c r="D39" s="2394"/>
      <c r="E39" s="2395"/>
      <c r="F39" s="2395"/>
      <c r="G39" s="724"/>
      <c r="H39" s="2396"/>
      <c r="I39" s="2395"/>
      <c r="J39" s="2395"/>
      <c r="K39" s="2397"/>
      <c r="L39" s="2398"/>
      <c r="M39" s="2395"/>
      <c r="N39" s="2395"/>
    </row>
    <row r="40" spans="1:14" ht="14.15" customHeight="1" x14ac:dyDescent="0.25">
      <c r="A40" s="777" t="s">
        <v>330</v>
      </c>
      <c r="B40" s="2386">
        <v>4576</v>
      </c>
      <c r="C40" s="689">
        <v>4464</v>
      </c>
      <c r="D40" s="2387">
        <v>4529</v>
      </c>
      <c r="E40" s="2388">
        <v>4191</v>
      </c>
      <c r="F40" s="2388">
        <v>4159</v>
      </c>
      <c r="G40" s="690">
        <v>4223</v>
      </c>
      <c r="H40" s="2389">
        <v>4271</v>
      </c>
      <c r="I40" s="2388">
        <v>4097</v>
      </c>
      <c r="J40" s="2388">
        <v>4042</v>
      </c>
      <c r="K40" s="2390">
        <v>9040</v>
      </c>
      <c r="L40" s="2391">
        <v>8382</v>
      </c>
      <c r="M40" s="2388">
        <v>17102</v>
      </c>
      <c r="N40" s="2388">
        <v>16618</v>
      </c>
    </row>
    <row r="41" spans="1:14" ht="14.15" customHeight="1" x14ac:dyDescent="0.25">
      <c r="A41" s="777"/>
      <c r="B41" s="2392"/>
      <c r="C41" s="2393"/>
      <c r="D41" s="2394"/>
      <c r="E41" s="2395"/>
      <c r="F41" s="2395"/>
      <c r="G41" s="724"/>
      <c r="H41" s="2396"/>
      <c r="I41" s="2395"/>
      <c r="J41" s="2395"/>
      <c r="K41" s="2397"/>
      <c r="L41" s="2398"/>
      <c r="M41" s="2395"/>
      <c r="N41" s="2395"/>
    </row>
    <row r="42" spans="1:14" ht="14.15" customHeight="1" x14ac:dyDescent="0.25">
      <c r="A42" s="777" t="s">
        <v>646</v>
      </c>
      <c r="B42" s="2392"/>
      <c r="C42" s="2393"/>
      <c r="D42" s="2394"/>
      <c r="E42" s="2395"/>
      <c r="F42" s="2395"/>
      <c r="G42" s="724"/>
      <c r="H42" s="2396"/>
      <c r="I42" s="2395"/>
      <c r="J42" s="2395"/>
      <c r="K42" s="2397"/>
      <c r="L42" s="2398"/>
      <c r="M42" s="2395"/>
      <c r="N42" s="2395"/>
    </row>
    <row r="43" spans="1:14" ht="14.15" customHeight="1" x14ac:dyDescent="0.25">
      <c r="A43" s="773" t="s">
        <v>654</v>
      </c>
      <c r="B43" s="2386">
        <v>-21</v>
      </c>
      <c r="C43" s="689">
        <v>-21</v>
      </c>
      <c r="D43" s="2387">
        <v>-24</v>
      </c>
      <c r="E43" s="2388">
        <v>-24</v>
      </c>
      <c r="F43" s="2388">
        <v>-24</v>
      </c>
      <c r="G43" s="690">
        <v>-25</v>
      </c>
      <c r="H43" s="2389">
        <v>-25</v>
      </c>
      <c r="I43" s="2388">
        <v>-24</v>
      </c>
      <c r="J43" s="2388">
        <v>-26</v>
      </c>
      <c r="K43" s="2390">
        <v>-42</v>
      </c>
      <c r="L43" s="2391">
        <v>-49</v>
      </c>
      <c r="M43" s="2388">
        <v>-97</v>
      </c>
      <c r="N43" s="2388">
        <v>-103</v>
      </c>
    </row>
    <row r="44" spans="1:14" ht="14.15" customHeight="1" x14ac:dyDescent="0.25">
      <c r="A44" s="773" t="s">
        <v>655</v>
      </c>
      <c r="B44" s="2386">
        <v>0</v>
      </c>
      <c r="C44" s="689">
        <v>0</v>
      </c>
      <c r="D44" s="2387">
        <v>-85</v>
      </c>
      <c r="E44" s="2388">
        <v>0</v>
      </c>
      <c r="F44" s="2388">
        <v>0</v>
      </c>
      <c r="G44" s="690">
        <v>0</v>
      </c>
      <c r="H44" s="2389">
        <v>-188</v>
      </c>
      <c r="I44" s="2388">
        <v>0</v>
      </c>
      <c r="J44" s="2388">
        <v>0</v>
      </c>
      <c r="K44" s="2390">
        <v>0</v>
      </c>
      <c r="L44" s="2391">
        <v>0</v>
      </c>
      <c r="M44" s="2388">
        <v>-85</v>
      </c>
      <c r="N44" s="2388">
        <v>-188</v>
      </c>
    </row>
    <row r="45" spans="1:14" ht="14.15" customHeight="1" x14ac:dyDescent="0.25">
      <c r="A45" s="773" t="s">
        <v>656</v>
      </c>
      <c r="B45" s="2386">
        <v>0</v>
      </c>
      <c r="C45" s="689">
        <v>0</v>
      </c>
      <c r="D45" s="2387">
        <v>-133</v>
      </c>
      <c r="E45" s="2388">
        <v>0</v>
      </c>
      <c r="F45" s="2388">
        <v>0</v>
      </c>
      <c r="G45" s="690">
        <v>0</v>
      </c>
      <c r="H45" s="2389">
        <v>0</v>
      </c>
      <c r="I45" s="2388">
        <v>0</v>
      </c>
      <c r="J45" s="2388">
        <v>0</v>
      </c>
      <c r="K45" s="2390">
        <v>0</v>
      </c>
      <c r="L45" s="2391">
        <v>0</v>
      </c>
      <c r="M45" s="2388">
        <v>-133</v>
      </c>
      <c r="N45" s="2388">
        <v>0</v>
      </c>
    </row>
    <row r="46" spans="1:14" ht="14.15" customHeight="1" x14ac:dyDescent="0.25">
      <c r="A46" s="776" t="s">
        <v>332</v>
      </c>
      <c r="B46" s="2386">
        <v>-21</v>
      </c>
      <c r="C46" s="689">
        <v>-21</v>
      </c>
      <c r="D46" s="2387">
        <v>-242</v>
      </c>
      <c r="E46" s="2388">
        <v>-24</v>
      </c>
      <c r="F46" s="2388">
        <v>-24</v>
      </c>
      <c r="G46" s="690">
        <v>-25</v>
      </c>
      <c r="H46" s="2389">
        <v>-213</v>
      </c>
      <c r="I46" s="2388">
        <v>-24</v>
      </c>
      <c r="J46" s="2388">
        <v>-26</v>
      </c>
      <c r="K46" s="2390">
        <v>-42</v>
      </c>
      <c r="L46" s="2391">
        <v>-49</v>
      </c>
      <c r="M46" s="2388">
        <v>-315</v>
      </c>
      <c r="N46" s="2388">
        <v>-291</v>
      </c>
    </row>
    <row r="47" spans="1:14" ht="14.15" customHeight="1" x14ac:dyDescent="0.25">
      <c r="A47" s="776"/>
      <c r="B47" s="2392"/>
      <c r="C47" s="2393"/>
      <c r="D47" s="2394"/>
      <c r="E47" s="2395"/>
      <c r="F47" s="2395"/>
      <c r="G47" s="724"/>
      <c r="H47" s="2396"/>
      <c r="I47" s="2395"/>
      <c r="J47" s="2395"/>
      <c r="K47" s="2397"/>
      <c r="L47" s="2398"/>
      <c r="M47" s="2395"/>
      <c r="N47" s="2395"/>
    </row>
    <row r="48" spans="1:14" ht="14.15" customHeight="1" x14ac:dyDescent="0.25">
      <c r="A48" s="779" t="s">
        <v>657</v>
      </c>
      <c r="B48" s="2399">
        <v>4555</v>
      </c>
      <c r="C48" s="700">
        <v>4443</v>
      </c>
      <c r="D48" s="2400">
        <v>4287</v>
      </c>
      <c r="E48" s="2401">
        <v>4167</v>
      </c>
      <c r="F48" s="2401">
        <v>4135</v>
      </c>
      <c r="G48" s="701">
        <v>4198</v>
      </c>
      <c r="H48" s="2402">
        <v>4058</v>
      </c>
      <c r="I48" s="2401">
        <v>4073</v>
      </c>
      <c r="J48" s="2401">
        <v>4016</v>
      </c>
      <c r="K48" s="2403">
        <v>8998</v>
      </c>
      <c r="L48" s="2404">
        <v>8333</v>
      </c>
      <c r="M48" s="2401">
        <v>16787</v>
      </c>
      <c r="N48" s="2401">
        <v>16327</v>
      </c>
    </row>
    <row r="49" spans="1:14" ht="14.15" customHeight="1" x14ac:dyDescent="0.25">
      <c r="A49" s="781"/>
      <c r="B49" s="782"/>
      <c r="C49" s="782"/>
      <c r="D49" s="782"/>
      <c r="E49" s="782"/>
      <c r="F49" s="782"/>
      <c r="G49" s="782"/>
      <c r="H49" s="782"/>
      <c r="I49" s="782"/>
      <c r="J49" s="782"/>
      <c r="K49" s="782"/>
      <c r="L49" s="782"/>
      <c r="M49" s="782"/>
      <c r="N49" s="782"/>
    </row>
    <row r="50" spans="1:14" ht="12" customHeight="1" x14ac:dyDescent="0.25">
      <c r="A50" s="3231" t="s">
        <v>818</v>
      </c>
      <c r="B50" s="3231" t="s">
        <v>38</v>
      </c>
      <c r="C50" s="3231" t="s">
        <v>38</v>
      </c>
      <c r="D50" s="3231" t="s">
        <v>38</v>
      </c>
      <c r="E50" s="3231" t="s">
        <v>38</v>
      </c>
      <c r="F50" s="3231" t="s">
        <v>38</v>
      </c>
      <c r="G50" s="3231" t="s">
        <v>38</v>
      </c>
      <c r="H50" s="3231" t="s">
        <v>38</v>
      </c>
      <c r="I50" s="3231" t="s">
        <v>38</v>
      </c>
      <c r="J50" s="3231" t="s">
        <v>38</v>
      </c>
      <c r="K50" s="3231" t="s">
        <v>38</v>
      </c>
      <c r="L50" s="3231" t="s">
        <v>38</v>
      </c>
      <c r="M50" s="3231" t="s">
        <v>38</v>
      </c>
      <c r="N50" s="3231" t="s">
        <v>38</v>
      </c>
    </row>
    <row r="51" spans="1:14" ht="12" customHeight="1" x14ac:dyDescent="0.25">
      <c r="A51" s="3231" t="s">
        <v>334</v>
      </c>
      <c r="B51" s="3231" t="s">
        <v>38</v>
      </c>
      <c r="C51" s="3231" t="s">
        <v>38</v>
      </c>
      <c r="D51" s="3231" t="s">
        <v>38</v>
      </c>
      <c r="E51" s="3231" t="s">
        <v>38</v>
      </c>
      <c r="F51" s="3231" t="s">
        <v>38</v>
      </c>
      <c r="G51" s="3231" t="s">
        <v>38</v>
      </c>
      <c r="H51" s="3231" t="s">
        <v>38</v>
      </c>
      <c r="I51" s="3231" t="s">
        <v>38</v>
      </c>
      <c r="J51" s="3231" t="s">
        <v>38</v>
      </c>
      <c r="K51" s="3231" t="s">
        <v>38</v>
      </c>
      <c r="L51" s="3231" t="s">
        <v>38</v>
      </c>
      <c r="M51" s="3231" t="s">
        <v>38</v>
      </c>
      <c r="N51" s="3231" t="s">
        <v>38</v>
      </c>
    </row>
    <row r="52" spans="1:14" ht="12" customHeight="1" x14ac:dyDescent="0.25">
      <c r="A52" s="3231" t="s">
        <v>335</v>
      </c>
      <c r="B52" s="3231" t="s">
        <v>38</v>
      </c>
      <c r="C52" s="3231" t="s">
        <v>38</v>
      </c>
      <c r="D52" s="3231" t="s">
        <v>38</v>
      </c>
      <c r="E52" s="3231" t="s">
        <v>38</v>
      </c>
      <c r="F52" s="3231" t="s">
        <v>38</v>
      </c>
      <c r="G52" s="3231" t="s">
        <v>38</v>
      </c>
      <c r="H52" s="3231" t="s">
        <v>38</v>
      </c>
      <c r="I52" s="3231" t="s">
        <v>38</v>
      </c>
      <c r="J52" s="3231" t="s">
        <v>38</v>
      </c>
      <c r="K52" s="3231" t="s">
        <v>38</v>
      </c>
      <c r="L52" s="3231" t="s">
        <v>38</v>
      </c>
      <c r="M52" s="3231" t="s">
        <v>38</v>
      </c>
      <c r="N52" s="3231" t="s">
        <v>38</v>
      </c>
    </row>
  </sheetData>
  <mergeCells count="9">
    <mergeCell ref="A50:N50"/>
    <mergeCell ref="A51:N51"/>
    <mergeCell ref="A52:N52"/>
    <mergeCell ref="A2:N2"/>
    <mergeCell ref="B3:C3"/>
    <mergeCell ref="D3:G3"/>
    <mergeCell ref="H3:J3"/>
    <mergeCell ref="K3:L3"/>
    <mergeCell ref="M3:N3"/>
  </mergeCells>
  <hyperlinks>
    <hyperlink ref="A1" location="TDM!A1" display="Retour à la table des matières" xr:uid="{00000000-0004-0000-1100-000000000000}"/>
  </hyperlinks>
  <printOptions horizontalCentered="1"/>
  <pageMargins left="0.51181102362204722" right="0.51181102362204722" top="0.51181102362204722" bottom="0.51181102362204722" header="0.23622047244094491" footer="0.23622047244094491"/>
  <pageSetup scale="63" orientation="landscape" r:id="rId1"/>
  <headerFooter>
    <oddFooter>&amp;L&amp;G&amp;C&amp;"Scotia,Regular"&amp;9Informations financières supplémentaires (IFS)&amp;R&amp;"Scotia,Regular"&amp;9&amp;A</oddFooter>
  </headerFooter>
  <legacyDrawingHF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593871-79C4-49CB-AF75-A631D0D5E145}">
  <sheetPr>
    <pageSetUpPr fitToPage="1"/>
  </sheetPr>
  <dimension ref="A1:J41"/>
  <sheetViews>
    <sheetView showGridLines="0" zoomScaleNormal="100" workbookViewId="0"/>
  </sheetViews>
  <sheetFormatPr defaultColWidth="8.7265625" defaultRowHeight="12.5" x14ac:dyDescent="0.25"/>
  <cols>
    <col min="1" max="1" width="73.7265625" style="25" customWidth="1"/>
    <col min="2" max="10" width="11.7265625" style="25" customWidth="1"/>
    <col min="11" max="16384" width="8.7265625" style="25"/>
  </cols>
  <sheetData>
    <row r="1" spans="1:10" ht="20.149999999999999" customHeight="1" x14ac:dyDescent="0.25">
      <c r="A1" s="24" t="s">
        <v>37</v>
      </c>
    </row>
    <row r="2" spans="1:10" ht="24" customHeight="1" x14ac:dyDescent="0.25">
      <c r="A2" s="3240" t="s">
        <v>26</v>
      </c>
      <c r="B2" s="3240" t="s">
        <v>38</v>
      </c>
      <c r="C2" s="3240" t="s">
        <v>38</v>
      </c>
      <c r="D2" s="3240" t="s">
        <v>38</v>
      </c>
      <c r="E2" s="3240" t="s">
        <v>38</v>
      </c>
      <c r="F2" s="3240" t="s">
        <v>38</v>
      </c>
      <c r="G2" s="3240" t="s">
        <v>38</v>
      </c>
      <c r="H2" s="3240" t="s">
        <v>38</v>
      </c>
      <c r="I2" s="3240" t="s">
        <v>38</v>
      </c>
      <c r="J2" s="3240" t="s">
        <v>38</v>
      </c>
    </row>
    <row r="3" spans="1:10" ht="15" customHeight="1" x14ac:dyDescent="0.25">
      <c r="A3" s="783"/>
      <c r="B3" s="3241" t="s">
        <v>174</v>
      </c>
      <c r="C3" s="3242" t="s">
        <v>38</v>
      </c>
      <c r="D3" s="3243">
        <v>2022</v>
      </c>
      <c r="E3" s="3244" t="s">
        <v>38</v>
      </c>
      <c r="F3" s="3244" t="s">
        <v>38</v>
      </c>
      <c r="G3" s="3245" t="s">
        <v>38</v>
      </c>
      <c r="H3" s="3246">
        <v>2021</v>
      </c>
      <c r="I3" s="3244" t="s">
        <v>38</v>
      </c>
      <c r="J3" s="3244" t="s">
        <v>38</v>
      </c>
    </row>
    <row r="4" spans="1:10" ht="15" customHeight="1" x14ac:dyDescent="0.25">
      <c r="A4" s="784" t="s">
        <v>69</v>
      </c>
      <c r="B4" s="785" t="s">
        <v>49</v>
      </c>
      <c r="C4" s="786" t="s">
        <v>45</v>
      </c>
      <c r="D4" s="787" t="s">
        <v>569</v>
      </c>
      <c r="E4" s="788" t="s">
        <v>570</v>
      </c>
      <c r="F4" s="788" t="s">
        <v>49</v>
      </c>
      <c r="G4" s="789" t="s">
        <v>45</v>
      </c>
      <c r="H4" s="790" t="s">
        <v>569</v>
      </c>
      <c r="I4" s="788" t="s">
        <v>570</v>
      </c>
      <c r="J4" s="788" t="s">
        <v>49</v>
      </c>
    </row>
    <row r="5" spans="1:10" ht="15" customHeight="1" x14ac:dyDescent="0.25">
      <c r="A5" s="791" t="s">
        <v>338</v>
      </c>
      <c r="B5" s="785"/>
      <c r="C5" s="786"/>
      <c r="D5" s="787"/>
      <c r="E5" s="788"/>
      <c r="F5" s="788"/>
      <c r="G5" s="789"/>
      <c r="H5" s="792"/>
      <c r="I5" s="785"/>
      <c r="J5" s="785"/>
    </row>
    <row r="6" spans="1:10" ht="15" customHeight="1" x14ac:dyDescent="0.25">
      <c r="A6" s="793" t="s">
        <v>339</v>
      </c>
      <c r="B6" s="2405">
        <v>63893</v>
      </c>
      <c r="C6" s="2406">
        <v>81386</v>
      </c>
      <c r="D6" s="2407">
        <v>65895</v>
      </c>
      <c r="E6" s="2408">
        <v>67715</v>
      </c>
      <c r="F6" s="2409">
        <v>85910</v>
      </c>
      <c r="G6" s="2410">
        <v>99053</v>
      </c>
      <c r="H6" s="794">
        <v>86323</v>
      </c>
      <c r="I6" s="2408">
        <v>75881</v>
      </c>
      <c r="J6" s="2408">
        <v>52017</v>
      </c>
    </row>
    <row r="7" spans="1:10" ht="15" customHeight="1" x14ac:dyDescent="0.25">
      <c r="A7" s="795" t="s">
        <v>340</v>
      </c>
      <c r="B7" s="2411">
        <v>1191</v>
      </c>
      <c r="C7" s="2412">
        <v>725</v>
      </c>
      <c r="D7" s="2413">
        <v>543</v>
      </c>
      <c r="E7" s="2414">
        <v>837</v>
      </c>
      <c r="F7" s="2414">
        <v>1056</v>
      </c>
      <c r="G7" s="2415">
        <v>527</v>
      </c>
      <c r="H7" s="796">
        <v>755</v>
      </c>
      <c r="I7" s="2414">
        <v>759</v>
      </c>
      <c r="J7" s="2414">
        <v>553</v>
      </c>
    </row>
    <row r="8" spans="1:10" ht="15" customHeight="1" x14ac:dyDescent="0.25">
      <c r="A8" s="795"/>
      <c r="B8" s="2416"/>
      <c r="C8" s="2417"/>
      <c r="D8" s="2418"/>
      <c r="E8" s="2419"/>
      <c r="F8" s="2419"/>
      <c r="G8" s="2420"/>
      <c r="H8" s="797"/>
      <c r="I8" s="2419"/>
      <c r="J8" s="2419"/>
    </row>
    <row r="9" spans="1:10" ht="15" customHeight="1" x14ac:dyDescent="0.25">
      <c r="A9" s="795" t="s">
        <v>245</v>
      </c>
      <c r="B9" s="2416"/>
      <c r="C9" s="2417"/>
      <c r="D9" s="2418"/>
      <c r="E9" s="2419"/>
      <c r="F9" s="2419"/>
      <c r="G9" s="2420"/>
      <c r="H9" s="797"/>
      <c r="I9" s="2419"/>
      <c r="J9" s="2419"/>
    </row>
    <row r="10" spans="1:10" ht="15" customHeight="1" x14ac:dyDescent="0.25">
      <c r="A10" s="798" t="s">
        <v>182</v>
      </c>
      <c r="B10" s="2411">
        <v>105560</v>
      </c>
      <c r="C10" s="2412">
        <v>106735</v>
      </c>
      <c r="D10" s="2413">
        <v>103547</v>
      </c>
      <c r="E10" s="2414">
        <v>108538</v>
      </c>
      <c r="F10" s="2414">
        <v>123413</v>
      </c>
      <c r="G10" s="2415">
        <v>143021</v>
      </c>
      <c r="H10" s="796">
        <v>137148</v>
      </c>
      <c r="I10" s="2414">
        <v>133575</v>
      </c>
      <c r="J10" s="2414">
        <v>137116</v>
      </c>
    </row>
    <row r="11" spans="1:10" ht="15" customHeight="1" x14ac:dyDescent="0.25">
      <c r="A11" s="798" t="s">
        <v>246</v>
      </c>
      <c r="B11" s="2411">
        <v>6910</v>
      </c>
      <c r="C11" s="2412">
        <v>7642</v>
      </c>
      <c r="D11" s="2413">
        <v>7811</v>
      </c>
      <c r="E11" s="2414">
        <v>8295</v>
      </c>
      <c r="F11" s="2414">
        <v>8483</v>
      </c>
      <c r="G11" s="2415">
        <v>8494</v>
      </c>
      <c r="H11" s="796">
        <v>8113</v>
      </c>
      <c r="I11" s="2414">
        <v>6793</v>
      </c>
      <c r="J11" s="2414">
        <v>6532</v>
      </c>
    </row>
    <row r="12" spans="1:10" ht="15" customHeight="1" x14ac:dyDescent="0.25">
      <c r="A12" s="798" t="s">
        <v>572</v>
      </c>
      <c r="B12" s="2411">
        <v>2225</v>
      </c>
      <c r="C12" s="2412">
        <v>1969</v>
      </c>
      <c r="D12" s="2413">
        <v>1796</v>
      </c>
      <c r="E12" s="2414">
        <v>1772</v>
      </c>
      <c r="F12" s="2414">
        <v>1748</v>
      </c>
      <c r="G12" s="2415">
        <v>1432</v>
      </c>
      <c r="H12" s="796">
        <v>1051</v>
      </c>
      <c r="I12" s="2414">
        <v>752</v>
      </c>
      <c r="J12" s="2414">
        <v>599</v>
      </c>
    </row>
    <row r="13" spans="1:10" ht="15" customHeight="1" x14ac:dyDescent="0.25">
      <c r="A13" s="798" t="s">
        <v>269</v>
      </c>
      <c r="B13" s="2411">
        <v>114695</v>
      </c>
      <c r="C13" s="2412">
        <v>116346</v>
      </c>
      <c r="D13" s="2413">
        <v>113154</v>
      </c>
      <c r="E13" s="2414">
        <v>118605</v>
      </c>
      <c r="F13" s="2414">
        <v>133644</v>
      </c>
      <c r="G13" s="2415">
        <v>152947</v>
      </c>
      <c r="H13" s="796">
        <v>146312</v>
      </c>
      <c r="I13" s="2414">
        <v>141120</v>
      </c>
      <c r="J13" s="2414">
        <v>144247</v>
      </c>
    </row>
    <row r="14" spans="1:10" ht="15" customHeight="1" x14ac:dyDescent="0.25">
      <c r="A14" s="799"/>
      <c r="B14" s="2416"/>
      <c r="C14" s="2417"/>
      <c r="D14" s="2418"/>
      <c r="E14" s="2419"/>
      <c r="F14" s="2419"/>
      <c r="G14" s="2420"/>
      <c r="H14" s="797"/>
      <c r="I14" s="2419"/>
      <c r="J14" s="2419"/>
    </row>
    <row r="15" spans="1:10" ht="15" customHeight="1" x14ac:dyDescent="0.25">
      <c r="A15" s="795" t="s">
        <v>342</v>
      </c>
      <c r="B15" s="2411">
        <v>184684</v>
      </c>
      <c r="C15" s="2412">
        <v>178690</v>
      </c>
      <c r="D15" s="2413">
        <v>175313</v>
      </c>
      <c r="E15" s="2414">
        <v>155217</v>
      </c>
      <c r="F15" s="2414">
        <v>148706</v>
      </c>
      <c r="G15" s="2415">
        <v>132714</v>
      </c>
      <c r="H15" s="796">
        <v>127739</v>
      </c>
      <c r="I15" s="2414">
        <v>129013</v>
      </c>
      <c r="J15" s="2414">
        <v>131081</v>
      </c>
    </row>
    <row r="16" spans="1:10" ht="15" customHeight="1" x14ac:dyDescent="0.25">
      <c r="A16" s="795" t="s">
        <v>343</v>
      </c>
      <c r="B16" s="2411">
        <v>44725</v>
      </c>
      <c r="C16" s="2412">
        <v>44820</v>
      </c>
      <c r="D16" s="2413">
        <v>55699</v>
      </c>
      <c r="E16" s="2414">
        <v>47139</v>
      </c>
      <c r="F16" s="2414">
        <v>54608</v>
      </c>
      <c r="G16" s="2415">
        <v>40655</v>
      </c>
      <c r="H16" s="796">
        <v>42302</v>
      </c>
      <c r="I16" s="2414">
        <v>41904</v>
      </c>
      <c r="J16" s="2414">
        <v>40573</v>
      </c>
    </row>
    <row r="17" spans="1:10" ht="15" customHeight="1" x14ac:dyDescent="0.25">
      <c r="A17" s="795" t="s">
        <v>232</v>
      </c>
      <c r="B17" s="2411">
        <v>116595</v>
      </c>
      <c r="C17" s="2412">
        <v>111004</v>
      </c>
      <c r="D17" s="2413">
        <v>110008</v>
      </c>
      <c r="E17" s="2414">
        <v>108222</v>
      </c>
      <c r="F17" s="2414">
        <v>100487</v>
      </c>
      <c r="G17" s="2415">
        <v>81699</v>
      </c>
      <c r="H17" s="796">
        <v>75199</v>
      </c>
      <c r="I17" s="2414">
        <v>81734</v>
      </c>
      <c r="J17" s="2414">
        <v>85107</v>
      </c>
    </row>
    <row r="18" spans="1:10" ht="15" customHeight="1" x14ac:dyDescent="0.25">
      <c r="A18" s="798"/>
      <c r="B18" s="2416"/>
      <c r="C18" s="2417"/>
      <c r="D18" s="2418"/>
      <c r="E18" s="2419"/>
      <c r="F18" s="2419"/>
      <c r="G18" s="2420"/>
      <c r="H18" s="797"/>
      <c r="I18" s="2419"/>
      <c r="J18" s="2419"/>
    </row>
    <row r="19" spans="1:10" ht="15" customHeight="1" x14ac:dyDescent="0.25">
      <c r="A19" s="795" t="s">
        <v>345</v>
      </c>
      <c r="B19" s="800"/>
      <c r="C19" s="2417"/>
      <c r="D19" s="2418"/>
      <c r="E19" s="2419"/>
      <c r="F19" s="2419"/>
      <c r="G19" s="2420"/>
      <c r="H19" s="797"/>
      <c r="I19" s="2419"/>
      <c r="J19" s="2419"/>
    </row>
    <row r="20" spans="1:10" ht="15" customHeight="1" x14ac:dyDescent="0.25">
      <c r="A20" s="798" t="s">
        <v>79</v>
      </c>
      <c r="B20" s="2416">
        <v>353560</v>
      </c>
      <c r="C20" s="2412">
        <v>353527</v>
      </c>
      <c r="D20" s="2413">
        <v>349279</v>
      </c>
      <c r="E20" s="2414">
        <v>343965</v>
      </c>
      <c r="F20" s="2414">
        <v>337714</v>
      </c>
      <c r="G20" s="2415">
        <v>330991</v>
      </c>
      <c r="H20" s="796">
        <v>319678</v>
      </c>
      <c r="I20" s="2414">
        <v>310370</v>
      </c>
      <c r="J20" s="2414">
        <v>296727</v>
      </c>
    </row>
    <row r="21" spans="1:10" ht="15" customHeight="1" x14ac:dyDescent="0.25">
      <c r="A21" s="798" t="s">
        <v>233</v>
      </c>
      <c r="B21" s="2411">
        <v>102178</v>
      </c>
      <c r="C21" s="2412">
        <v>101041</v>
      </c>
      <c r="D21" s="2413">
        <v>99431</v>
      </c>
      <c r="E21" s="2414">
        <v>96561</v>
      </c>
      <c r="F21" s="2414">
        <v>94437</v>
      </c>
      <c r="G21" s="2415">
        <v>92622</v>
      </c>
      <c r="H21" s="796">
        <v>91540</v>
      </c>
      <c r="I21" s="2414">
        <v>91544</v>
      </c>
      <c r="J21" s="2414">
        <v>90682</v>
      </c>
    </row>
    <row r="22" spans="1:10" ht="15" customHeight="1" x14ac:dyDescent="0.25">
      <c r="A22" s="798" t="s">
        <v>788</v>
      </c>
      <c r="B22" s="2411">
        <v>16053</v>
      </c>
      <c r="C22" s="2412">
        <v>15494</v>
      </c>
      <c r="D22" s="2413">
        <v>14518</v>
      </c>
      <c r="E22" s="2414">
        <v>13871</v>
      </c>
      <c r="F22" s="2414">
        <v>13622</v>
      </c>
      <c r="G22" s="2415">
        <v>13145</v>
      </c>
      <c r="H22" s="796">
        <v>12450</v>
      </c>
      <c r="I22" s="2414">
        <v>12194</v>
      </c>
      <c r="J22" s="2414">
        <v>12826</v>
      </c>
    </row>
    <row r="23" spans="1:10" ht="15" customHeight="1" x14ac:dyDescent="0.25">
      <c r="A23" s="798" t="s">
        <v>820</v>
      </c>
      <c r="B23" s="2411">
        <v>298013</v>
      </c>
      <c r="C23" s="2412">
        <v>290608</v>
      </c>
      <c r="D23" s="2413">
        <v>287107</v>
      </c>
      <c r="E23" s="2414">
        <v>264128</v>
      </c>
      <c r="F23" s="2414">
        <v>249223</v>
      </c>
      <c r="G23" s="2415">
        <v>236072</v>
      </c>
      <c r="H23" s="796">
        <v>218944</v>
      </c>
      <c r="I23" s="2414">
        <v>219720</v>
      </c>
      <c r="J23" s="2414">
        <v>214646</v>
      </c>
    </row>
    <row r="24" spans="1:10" ht="15" customHeight="1" x14ac:dyDescent="0.25">
      <c r="A24" s="798" t="s">
        <v>346</v>
      </c>
      <c r="B24" s="2411">
        <v>769804</v>
      </c>
      <c r="C24" s="2412">
        <v>760670</v>
      </c>
      <c r="D24" s="2413">
        <v>750335</v>
      </c>
      <c r="E24" s="2414">
        <v>718525</v>
      </c>
      <c r="F24" s="2414">
        <v>694996</v>
      </c>
      <c r="G24" s="2415">
        <v>672830</v>
      </c>
      <c r="H24" s="796">
        <v>642612</v>
      </c>
      <c r="I24" s="2414">
        <v>633828</v>
      </c>
      <c r="J24" s="2414">
        <v>614881</v>
      </c>
    </row>
    <row r="25" spans="1:10" ht="15" customHeight="1" x14ac:dyDescent="0.25">
      <c r="A25" s="798" t="s">
        <v>347</v>
      </c>
      <c r="B25" s="2411">
        <v>5736</v>
      </c>
      <c r="C25" s="2412">
        <v>5513</v>
      </c>
      <c r="D25" s="2413">
        <v>5348</v>
      </c>
      <c r="E25" s="2414">
        <v>5147</v>
      </c>
      <c r="F25" s="2414">
        <v>5294</v>
      </c>
      <c r="G25" s="2415">
        <v>5492</v>
      </c>
      <c r="H25" s="796">
        <v>5626</v>
      </c>
      <c r="I25" s="2414">
        <v>6079</v>
      </c>
      <c r="J25" s="2414">
        <v>6716</v>
      </c>
    </row>
    <row r="26" spans="1:10" ht="15" customHeight="1" x14ac:dyDescent="0.25">
      <c r="A26" s="798" t="s">
        <v>348</v>
      </c>
      <c r="B26" s="2411">
        <v>764068</v>
      </c>
      <c r="C26" s="2412">
        <v>755157</v>
      </c>
      <c r="D26" s="2413">
        <v>744987</v>
      </c>
      <c r="E26" s="2414">
        <v>713378</v>
      </c>
      <c r="F26" s="2414">
        <v>689702</v>
      </c>
      <c r="G26" s="2415">
        <v>667338</v>
      </c>
      <c r="H26" s="796">
        <v>636986</v>
      </c>
      <c r="I26" s="2414">
        <v>627749</v>
      </c>
      <c r="J26" s="2414">
        <v>608165</v>
      </c>
    </row>
    <row r="27" spans="1:10" ht="15" customHeight="1" x14ac:dyDescent="0.25">
      <c r="A27" s="799"/>
      <c r="B27" s="2416"/>
      <c r="C27" s="2417"/>
      <c r="D27" s="2418"/>
      <c r="E27" s="2419"/>
      <c r="F27" s="2419"/>
      <c r="G27" s="2420"/>
      <c r="H27" s="797"/>
      <c r="I27" s="2419"/>
      <c r="J27" s="2419"/>
    </row>
    <row r="28" spans="1:10" ht="15" customHeight="1" x14ac:dyDescent="0.25">
      <c r="A28" s="795" t="s">
        <v>572</v>
      </c>
      <c r="B28" s="2416"/>
      <c r="C28" s="2417"/>
      <c r="D28" s="2418"/>
      <c r="E28" s="2419"/>
      <c r="F28" s="2419"/>
      <c r="G28" s="2420"/>
      <c r="H28" s="797"/>
      <c r="I28" s="2419"/>
      <c r="J28" s="2419"/>
    </row>
    <row r="29" spans="1:10" ht="29" x14ac:dyDescent="0.25">
      <c r="A29" s="1486" t="s">
        <v>349</v>
      </c>
      <c r="B29" s="2411">
        <v>21901</v>
      </c>
      <c r="C29" s="2412">
        <v>21872</v>
      </c>
      <c r="D29" s="2413">
        <v>19494</v>
      </c>
      <c r="E29" s="2414">
        <v>19817</v>
      </c>
      <c r="F29" s="2414">
        <v>19043</v>
      </c>
      <c r="G29" s="2415">
        <v>20901</v>
      </c>
      <c r="H29" s="796">
        <v>20404</v>
      </c>
      <c r="I29" s="2414">
        <v>17023</v>
      </c>
      <c r="J29" s="2414">
        <v>15596</v>
      </c>
    </row>
    <row r="30" spans="1:10" ht="15" customHeight="1" x14ac:dyDescent="0.25">
      <c r="A30" s="798" t="s">
        <v>350</v>
      </c>
      <c r="B30" s="2411">
        <v>2428</v>
      </c>
      <c r="C30" s="2412">
        <v>2228</v>
      </c>
      <c r="D30" s="2413">
        <v>3349</v>
      </c>
      <c r="E30" s="2414">
        <v>2802</v>
      </c>
      <c r="F30" s="2414">
        <v>2844</v>
      </c>
      <c r="G30" s="2415">
        <v>1745</v>
      </c>
      <c r="H30" s="796">
        <v>1722</v>
      </c>
      <c r="I30" s="2414">
        <v>1769</v>
      </c>
      <c r="J30" s="2414">
        <v>1607</v>
      </c>
    </row>
    <row r="31" spans="1:10" ht="15" customHeight="1" x14ac:dyDescent="0.25">
      <c r="A31" s="798" t="s">
        <v>351</v>
      </c>
      <c r="B31" s="2411">
        <v>40</v>
      </c>
      <c r="C31" s="2412">
        <v>40</v>
      </c>
      <c r="D31" s="2413">
        <v>36</v>
      </c>
      <c r="E31" s="2414">
        <v>36</v>
      </c>
      <c r="F31" s="2414">
        <v>39</v>
      </c>
      <c r="G31" s="2415">
        <v>40</v>
      </c>
      <c r="H31" s="796">
        <v>40</v>
      </c>
      <c r="I31" s="2414">
        <v>42</v>
      </c>
      <c r="J31" s="2414">
        <v>43</v>
      </c>
    </row>
    <row r="32" spans="1:10" ht="15" customHeight="1" x14ac:dyDescent="0.25">
      <c r="A32" s="798" t="s">
        <v>821</v>
      </c>
      <c r="B32" s="2411">
        <v>5606</v>
      </c>
      <c r="C32" s="2412">
        <v>5659</v>
      </c>
      <c r="D32" s="2413">
        <v>5664</v>
      </c>
      <c r="E32" s="2414">
        <v>5493</v>
      </c>
      <c r="F32" s="2414">
        <v>5532</v>
      </c>
      <c r="G32" s="2415">
        <v>5542</v>
      </c>
      <c r="H32" s="796">
        <v>5581</v>
      </c>
      <c r="I32" s="2414">
        <v>5496</v>
      </c>
      <c r="J32" s="2414">
        <v>5515</v>
      </c>
    </row>
    <row r="33" spans="1:10" ht="15" customHeight="1" x14ac:dyDescent="0.25">
      <c r="A33" s="798" t="s">
        <v>352</v>
      </c>
      <c r="B33" s="2411">
        <v>2708</v>
      </c>
      <c r="C33" s="2412">
        <v>2684</v>
      </c>
      <c r="D33" s="2413">
        <v>2633</v>
      </c>
      <c r="E33" s="2414">
        <v>2733</v>
      </c>
      <c r="F33" s="2414">
        <v>2760</v>
      </c>
      <c r="G33" s="2415">
        <v>2740</v>
      </c>
      <c r="H33" s="796">
        <v>2604</v>
      </c>
      <c r="I33" s="2414">
        <v>2504</v>
      </c>
      <c r="J33" s="2414">
        <v>2480</v>
      </c>
    </row>
    <row r="34" spans="1:10" ht="15" customHeight="1" x14ac:dyDescent="0.25">
      <c r="A34" s="798" t="s">
        <v>353</v>
      </c>
      <c r="B34" s="2411">
        <v>17396</v>
      </c>
      <c r="C34" s="2412">
        <v>17170</v>
      </c>
      <c r="D34" s="2413">
        <v>16833</v>
      </c>
      <c r="E34" s="2414">
        <v>16580</v>
      </c>
      <c r="F34" s="2414">
        <v>16712</v>
      </c>
      <c r="G34" s="2415">
        <v>16752</v>
      </c>
      <c r="H34" s="796">
        <v>16604</v>
      </c>
      <c r="I34" s="2414">
        <v>16703</v>
      </c>
      <c r="J34" s="2414">
        <v>16801</v>
      </c>
    </row>
    <row r="35" spans="1:10" ht="15" customHeight="1" x14ac:dyDescent="0.25">
      <c r="A35" s="798" t="s">
        <v>354</v>
      </c>
      <c r="B35" s="2411">
        <v>2193</v>
      </c>
      <c r="C35" s="2412">
        <v>2508</v>
      </c>
      <c r="D35" s="2413">
        <v>1903</v>
      </c>
      <c r="E35" s="2414">
        <v>905</v>
      </c>
      <c r="F35" s="2414">
        <v>1137</v>
      </c>
      <c r="G35" s="2415">
        <v>1969</v>
      </c>
      <c r="H35" s="796">
        <v>2051</v>
      </c>
      <c r="I35" s="2414">
        <v>2108</v>
      </c>
      <c r="J35" s="2414">
        <v>2052</v>
      </c>
    </row>
    <row r="36" spans="1:10" ht="15" customHeight="1" x14ac:dyDescent="0.25">
      <c r="A36" s="798" t="s">
        <v>577</v>
      </c>
      <c r="B36" s="2411">
        <v>31075</v>
      </c>
      <c r="C36" s="2412">
        <v>34149</v>
      </c>
      <c r="D36" s="2413">
        <v>33907</v>
      </c>
      <c r="E36" s="2414">
        <v>32623</v>
      </c>
      <c r="F36" s="2414">
        <v>26326</v>
      </c>
      <c r="G36" s="2415">
        <v>20852</v>
      </c>
      <c r="H36" s="796">
        <v>20222</v>
      </c>
      <c r="I36" s="2414">
        <v>19624</v>
      </c>
      <c r="J36" s="2414">
        <v>19411</v>
      </c>
    </row>
    <row r="37" spans="1:10" ht="15" customHeight="1" x14ac:dyDescent="0.25">
      <c r="A37" s="798" t="s">
        <v>355</v>
      </c>
      <c r="B37" s="2411">
        <v>83347</v>
      </c>
      <c r="C37" s="2412">
        <v>86310</v>
      </c>
      <c r="D37" s="2413">
        <v>83819</v>
      </c>
      <c r="E37" s="2414">
        <v>80989</v>
      </c>
      <c r="F37" s="2414">
        <v>74393</v>
      </c>
      <c r="G37" s="2415">
        <v>70541</v>
      </c>
      <c r="H37" s="796">
        <v>69228</v>
      </c>
      <c r="I37" s="2414">
        <v>65269</v>
      </c>
      <c r="J37" s="2414">
        <v>63505</v>
      </c>
    </row>
    <row r="38" spans="1:10" ht="15" customHeight="1" x14ac:dyDescent="0.25">
      <c r="A38" s="801"/>
      <c r="B38" s="2411"/>
      <c r="C38" s="2412"/>
      <c r="D38" s="2413"/>
      <c r="E38" s="2414"/>
      <c r="F38" s="2414"/>
      <c r="G38" s="2415"/>
      <c r="H38" s="796"/>
      <c r="I38" s="2414"/>
      <c r="J38" s="2414"/>
    </row>
    <row r="39" spans="1:10" ht="15" customHeight="1" x14ac:dyDescent="0.25">
      <c r="A39" s="802" t="s">
        <v>578</v>
      </c>
      <c r="B39" s="2421">
        <v>1373198</v>
      </c>
      <c r="C39" s="2422">
        <v>1374438</v>
      </c>
      <c r="D39" s="2423">
        <v>1349418</v>
      </c>
      <c r="E39" s="2424">
        <v>1292102</v>
      </c>
      <c r="F39" s="2424">
        <v>1288506</v>
      </c>
      <c r="G39" s="2425">
        <v>1245474</v>
      </c>
      <c r="H39" s="803">
        <v>1184844</v>
      </c>
      <c r="I39" s="2424">
        <v>1163429</v>
      </c>
      <c r="J39" s="2424">
        <v>1125248</v>
      </c>
    </row>
    <row r="40" spans="1:10" ht="15" customHeight="1" x14ac:dyDescent="0.25">
      <c r="A40" s="804"/>
      <c r="B40" s="805"/>
      <c r="C40" s="805"/>
      <c r="D40" s="805"/>
      <c r="E40" s="805"/>
      <c r="F40" s="805"/>
      <c r="G40" s="805"/>
      <c r="H40" s="805"/>
      <c r="I40" s="805"/>
      <c r="J40" s="805"/>
    </row>
    <row r="41" spans="1:10" ht="15" customHeight="1" x14ac:dyDescent="0.25">
      <c r="A41" s="3247"/>
      <c r="B41" s="3247" t="s">
        <v>38</v>
      </c>
      <c r="C41" s="3247" t="s">
        <v>38</v>
      </c>
      <c r="D41" s="3247" t="s">
        <v>38</v>
      </c>
      <c r="E41" s="3247" t="s">
        <v>38</v>
      </c>
      <c r="F41" s="3247" t="s">
        <v>38</v>
      </c>
      <c r="G41" s="3247" t="s">
        <v>38</v>
      </c>
      <c r="H41" s="3247" t="s">
        <v>38</v>
      </c>
      <c r="I41" s="3247" t="s">
        <v>38</v>
      </c>
      <c r="J41" s="3247" t="s">
        <v>38</v>
      </c>
    </row>
  </sheetData>
  <mergeCells count="5">
    <mergeCell ref="A2:J2"/>
    <mergeCell ref="B3:C3"/>
    <mergeCell ref="D3:G3"/>
    <mergeCell ref="H3:J3"/>
    <mergeCell ref="A41:J41"/>
  </mergeCells>
  <hyperlinks>
    <hyperlink ref="A1" location="TDM!A1" display="Retour à la table des matières" xr:uid="{00000000-0004-0000-1200-000000000000}"/>
  </hyperlinks>
  <printOptions horizontalCentered="1"/>
  <pageMargins left="0.51181102362204722" right="0.51181102362204722" top="0.51181102362204722" bottom="0.51181102362204722" header="0.23622047244094491" footer="0.23622047244094491"/>
  <pageSetup scale="70" orientation="landscape" r:id="rId1"/>
  <headerFooter>
    <oddFooter>&amp;L&amp;G&amp;C&amp;"Scotia,Regular"&amp;9Informations financières supplémentaires (IFS)&amp;R&amp;"Scotia,Regular"&amp;9&amp;A</oddFooter>
  </headerFooter>
  <legacyDrawingHF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F495B0-2582-49CB-B167-76FC24255DAD}">
  <sheetPr codeName="Sheet3">
    <pageSetUpPr fitToPage="1"/>
  </sheetPr>
  <dimension ref="A2:B46"/>
  <sheetViews>
    <sheetView showGridLines="0" zoomScaleNormal="100" workbookViewId="0"/>
  </sheetViews>
  <sheetFormatPr defaultColWidth="9.1796875" defaultRowHeight="15" customHeight="1" x14ac:dyDescent="0.35"/>
  <cols>
    <col min="1" max="1" width="150.7265625" customWidth="1"/>
    <col min="2" max="2" width="10.1796875" customWidth="1"/>
  </cols>
  <sheetData>
    <row r="2" spans="1:2" ht="18" customHeight="1" x14ac:dyDescent="0.35">
      <c r="A2" s="4" t="s">
        <v>7</v>
      </c>
      <c r="B2" s="5" t="s">
        <v>8</v>
      </c>
    </row>
    <row r="3" spans="1:2" ht="20.149999999999999" customHeight="1" x14ac:dyDescent="0.35">
      <c r="A3" s="6" t="str">
        <f>Cover!C21</f>
        <v>Pour la période close le  30 avril 2023</v>
      </c>
      <c r="B3" s="7"/>
    </row>
    <row r="4" spans="1:2" ht="15" customHeight="1" x14ac:dyDescent="0.35">
      <c r="A4" s="8"/>
      <c r="B4" s="7"/>
    </row>
    <row r="5" spans="1:2" ht="15" customHeight="1" x14ac:dyDescent="0.35">
      <c r="A5" s="9" t="s">
        <v>9</v>
      </c>
      <c r="B5" s="10" t="s">
        <v>10</v>
      </c>
    </row>
    <row r="6" spans="1:2" ht="15" customHeight="1" x14ac:dyDescent="0.35">
      <c r="A6" s="9" t="s">
        <v>11</v>
      </c>
      <c r="B6" s="10" t="s">
        <v>12</v>
      </c>
    </row>
    <row r="7" spans="1:2" ht="15" customHeight="1" x14ac:dyDescent="0.35">
      <c r="A7" s="11" t="s">
        <v>13</v>
      </c>
      <c r="B7" s="9">
        <v>1</v>
      </c>
    </row>
    <row r="8" spans="1:2" ht="15" customHeight="1" x14ac:dyDescent="0.35">
      <c r="A8" s="9" t="s">
        <v>14</v>
      </c>
      <c r="B8" s="12">
        <v>2</v>
      </c>
    </row>
    <row r="9" spans="1:2" ht="15" customHeight="1" x14ac:dyDescent="0.35">
      <c r="A9" s="9" t="s">
        <v>15</v>
      </c>
      <c r="B9" s="12">
        <v>3</v>
      </c>
    </row>
    <row r="10" spans="1:2" ht="15" customHeight="1" x14ac:dyDescent="0.35">
      <c r="A10" s="13"/>
      <c r="B10" s="14"/>
    </row>
    <row r="11" spans="1:2" ht="15" customHeight="1" x14ac:dyDescent="0.35">
      <c r="A11" s="15" t="s">
        <v>16</v>
      </c>
      <c r="B11" s="16"/>
    </row>
    <row r="12" spans="1:2" ht="15" customHeight="1" x14ac:dyDescent="0.35">
      <c r="A12" s="17" t="s">
        <v>17</v>
      </c>
      <c r="B12" s="18">
        <v>4</v>
      </c>
    </row>
    <row r="13" spans="1:2" ht="15" customHeight="1" x14ac:dyDescent="0.35">
      <c r="A13" s="19" t="s">
        <v>18</v>
      </c>
      <c r="B13" s="12">
        <v>5</v>
      </c>
    </row>
    <row r="14" spans="1:2" ht="15" customHeight="1" x14ac:dyDescent="0.35">
      <c r="A14" s="19" t="s">
        <v>19</v>
      </c>
      <c r="B14" s="12">
        <v>6</v>
      </c>
    </row>
    <row r="15" spans="1:2" ht="15" customHeight="1" x14ac:dyDescent="0.35">
      <c r="A15" s="19" t="s">
        <v>20</v>
      </c>
      <c r="B15" s="12">
        <v>7</v>
      </c>
    </row>
    <row r="16" spans="1:2" ht="15" customHeight="1" x14ac:dyDescent="0.35">
      <c r="A16" s="19" t="s">
        <v>21</v>
      </c>
      <c r="B16" s="12">
        <v>8</v>
      </c>
    </row>
    <row r="17" spans="1:2" ht="15" customHeight="1" x14ac:dyDescent="0.35">
      <c r="A17" s="19" t="s">
        <v>22</v>
      </c>
      <c r="B17" s="12">
        <v>9</v>
      </c>
    </row>
    <row r="18" spans="1:2" ht="15" customHeight="1" x14ac:dyDescent="0.35">
      <c r="A18" s="19"/>
      <c r="B18" s="12"/>
    </row>
    <row r="19" spans="1:2" ht="15" customHeight="1" x14ac:dyDescent="0.35">
      <c r="A19" s="9" t="s">
        <v>23</v>
      </c>
      <c r="B19" s="18">
        <v>10</v>
      </c>
    </row>
    <row r="20" spans="1:2" ht="15" customHeight="1" x14ac:dyDescent="0.35">
      <c r="A20" s="9" t="s">
        <v>24</v>
      </c>
      <c r="B20" s="18">
        <v>11</v>
      </c>
    </row>
    <row r="21" spans="1:2" ht="15" customHeight="1" x14ac:dyDescent="0.35">
      <c r="A21" s="9" t="s">
        <v>25</v>
      </c>
      <c r="B21" s="18">
        <v>12</v>
      </c>
    </row>
    <row r="22" spans="1:2" ht="15" customHeight="1" x14ac:dyDescent="0.35">
      <c r="A22" s="9" t="s">
        <v>26</v>
      </c>
      <c r="B22" s="18">
        <v>13</v>
      </c>
    </row>
    <row r="23" spans="1:2" ht="15" customHeight="1" x14ac:dyDescent="0.35">
      <c r="A23" s="9" t="s">
        <v>27</v>
      </c>
      <c r="B23" s="18">
        <v>14</v>
      </c>
    </row>
    <row r="24" spans="1:2" ht="15" customHeight="1" x14ac:dyDescent="0.35">
      <c r="A24" s="9" t="s">
        <v>28</v>
      </c>
      <c r="B24" s="18">
        <v>15</v>
      </c>
    </row>
    <row r="25" spans="1:2" ht="15" customHeight="1" x14ac:dyDescent="0.35">
      <c r="A25" s="9" t="s">
        <v>29</v>
      </c>
      <c r="B25" s="18">
        <v>16</v>
      </c>
    </row>
    <row r="26" spans="1:2" ht="15" customHeight="1" x14ac:dyDescent="0.35">
      <c r="A26" s="11" t="s">
        <v>30</v>
      </c>
      <c r="B26" s="18">
        <v>17</v>
      </c>
    </row>
    <row r="27" spans="1:2" ht="15" customHeight="1" x14ac:dyDescent="0.35">
      <c r="A27" s="13"/>
      <c r="B27" s="14"/>
    </row>
    <row r="28" spans="1:2" ht="15" customHeight="1" x14ac:dyDescent="0.35">
      <c r="A28" s="20" t="s">
        <v>31</v>
      </c>
      <c r="B28" s="21"/>
    </row>
    <row r="29" spans="1:2" ht="15" customHeight="1" x14ac:dyDescent="0.35">
      <c r="A29" s="19" t="s">
        <v>893</v>
      </c>
      <c r="B29" s="18">
        <v>18</v>
      </c>
    </row>
    <row r="30" spans="1:2" ht="15" customHeight="1" x14ac:dyDescent="0.35">
      <c r="A30" s="19" t="s">
        <v>32</v>
      </c>
      <c r="B30" s="18">
        <v>19</v>
      </c>
    </row>
    <row r="31" spans="1:2" ht="15" customHeight="1" x14ac:dyDescent="0.35">
      <c r="A31" s="19" t="s">
        <v>892</v>
      </c>
      <c r="B31" s="18">
        <v>20</v>
      </c>
    </row>
    <row r="32" spans="1:2" ht="15" customHeight="1" x14ac:dyDescent="0.35">
      <c r="A32" s="19" t="s">
        <v>33</v>
      </c>
      <c r="B32" s="18">
        <v>21</v>
      </c>
    </row>
    <row r="33" spans="1:2" ht="15" customHeight="1" x14ac:dyDescent="0.35">
      <c r="A33" s="19" t="s">
        <v>34</v>
      </c>
      <c r="B33" s="18">
        <v>22</v>
      </c>
    </row>
    <row r="34" spans="1:2" ht="15" customHeight="1" x14ac:dyDescent="0.35">
      <c r="A34" s="19" t="s">
        <v>894</v>
      </c>
      <c r="B34" s="18">
        <v>23</v>
      </c>
    </row>
    <row r="35" spans="1:2" ht="15" customHeight="1" x14ac:dyDescent="0.35">
      <c r="A35" s="19" t="s">
        <v>895</v>
      </c>
      <c r="B35" s="18">
        <v>24</v>
      </c>
    </row>
    <row r="36" spans="1:2" ht="15" customHeight="1" x14ac:dyDescent="0.35">
      <c r="A36" s="19"/>
      <c r="B36" s="12"/>
    </row>
    <row r="37" spans="1:2" ht="15" customHeight="1" x14ac:dyDescent="0.35">
      <c r="A37" s="9" t="s">
        <v>888</v>
      </c>
      <c r="B37" s="18">
        <v>25</v>
      </c>
    </row>
    <row r="38" spans="1:2" ht="15" customHeight="1" x14ac:dyDescent="0.35">
      <c r="A38" s="9" t="s">
        <v>35</v>
      </c>
      <c r="B38" s="18">
        <v>26</v>
      </c>
    </row>
    <row r="39" spans="1:2" ht="15" customHeight="1" x14ac:dyDescent="0.35">
      <c r="A39" s="9" t="s">
        <v>538</v>
      </c>
      <c r="B39" s="18">
        <v>27</v>
      </c>
    </row>
    <row r="40" spans="1:2" ht="15" customHeight="1" x14ac:dyDescent="0.35">
      <c r="A40" s="9"/>
      <c r="B40" s="18"/>
    </row>
    <row r="41" spans="1:2" ht="15" customHeight="1" x14ac:dyDescent="0.35">
      <c r="A41" s="9" t="s">
        <v>681</v>
      </c>
      <c r="B41" s="18">
        <v>28</v>
      </c>
    </row>
    <row r="42" spans="1:2" ht="15" customHeight="1" x14ac:dyDescent="0.35">
      <c r="A42" s="11" t="s">
        <v>36</v>
      </c>
      <c r="B42" s="18">
        <v>29</v>
      </c>
    </row>
    <row r="43" spans="1:2" ht="15" customHeight="1" x14ac:dyDescent="0.35">
      <c r="A43" s="1516" t="s">
        <v>682</v>
      </c>
      <c r="B43" s="18">
        <v>30</v>
      </c>
    </row>
    <row r="44" spans="1:2" ht="15" customHeight="1" x14ac:dyDescent="0.35">
      <c r="A44" s="1516" t="s">
        <v>683</v>
      </c>
      <c r="B44" s="18">
        <v>31</v>
      </c>
    </row>
    <row r="45" spans="1:2" ht="15" customHeight="1" x14ac:dyDescent="0.35">
      <c r="A45" s="22"/>
      <c r="B45" s="23"/>
    </row>
    <row r="46" spans="1:2" ht="29.25" customHeight="1" x14ac:dyDescent="0.35">
      <c r="A46" s="3098" t="s">
        <v>684</v>
      </c>
      <c r="B46" s="3098"/>
    </row>
  </sheetData>
  <mergeCells count="1">
    <mergeCell ref="A46:B46"/>
  </mergeCells>
  <hyperlinks>
    <hyperlink ref="A8:B8" location="'2'!A1" display="Données sur les actions ordinaires et autres renseignements" xr:uid="{4BBE4129-0150-4878-A376-C240ADED7BF5}"/>
    <hyperlink ref="A9:B9" location="'3'!A1" display="État consolidé du résultat net" xr:uid="{10668916-BBC0-4F21-9E20-070346DC0C6A}"/>
    <hyperlink ref="A12:B12" location="'4'!A1" display="• Réseau canadien" xr:uid="{555C1F01-5253-45D9-9D0C-84F20B22044D}"/>
    <hyperlink ref="A13:B13" location="'5'!A1" display="• Opérations internationales" xr:uid="{D7E46C26-4333-4C6E-8A72-D2899E672276}"/>
    <hyperlink ref="A15:B15" location="'6'!A1" display="• Gestion de patrimoine mondiale" xr:uid="{789627E0-0BD8-476F-98C6-C25C2EFB3836}"/>
    <hyperlink ref="A16:B16" location="'7'!A1" display="• Services bancaires et marchés mondiaux" xr:uid="{02E73655-7498-4FC3-BA93-6EABB76C1374}"/>
    <hyperlink ref="A17:B17" location="'8'!A1" display="• Autres" xr:uid="{085D475F-B808-455D-BF72-B504933F3D69}"/>
    <hyperlink ref="A19:B19" location="'9'!A1" display="Revenus autres que d’intérêts" xr:uid="{4CE87CCB-A193-4B37-8339-248687CF63F3}"/>
    <hyperlink ref="A20:B20" location="'10'!A1" display="Revenus provenant des activités de transaction et actifs sous administration et sous gestion" xr:uid="{DE5A04D7-5F2E-4627-A17B-5AA4CA1A8EE3}"/>
    <hyperlink ref="A21:B21" location="'11'!A1" display="Charges d’exploitation" xr:uid="{AE1EA9AF-EE3F-4390-B370-B1AF3D964C47}"/>
    <hyperlink ref="A22:B22" location="'12'!A1" display="État consolidé de la situation financière – Actifs (soldes au comptant)" xr:uid="{3558614E-31E3-4792-892F-22F791244AE0}"/>
    <hyperlink ref="A23:B23" location="'13'!A1" display="État consolidé de la situation financière – Passifs et capitaux propres (soldes au comptant)" xr:uid="{C12A11C6-FC4A-4D44-89E0-5F335E1267F2}"/>
    <hyperlink ref="A6" location="GTDAR!A1" display="Recommandations du Groupe de travail sur la divulgation accrue des renseignements (« GTDAR »)" xr:uid="{8524FA4F-AE3E-49CF-94AA-2F6ABE04E37A}"/>
    <hyperlink ref="A24" location="'15'!A2" display="Soldes moyens à l’état de la situation financière" xr:uid="{B24DECD0-93A3-41A2-918D-4947F5C6D775}"/>
    <hyperlink ref="A29" location="'18'!A2" display="• Prêts et acceptations accordés aux clients par catégories d’emprunteurs" xr:uid="{4D562906-14ED-44E5-9518-2812FCA98D6A}"/>
    <hyperlink ref="A30" location="'19'!A2" display="• Prêts douteux par secteurs d’activité" xr:uid="{39541C7D-75FE-4F92-9AF0-6A408D3386BD}"/>
    <hyperlink ref="A31" location="'20'!A2" display="• Variations des prêts douteux par secteurs d’activité" xr:uid="{AE8025CC-3996-4347-9170-6C36282B58EF}"/>
    <hyperlink ref="A32" location="'21'!A2" display="• Compte de correction de valeur pour pertes sur créances et autres réserves" xr:uid="{C8DD3B8E-906A-427C-B58E-CE423FA5EFB6}"/>
    <hyperlink ref="A33" location="'22'!A2" display="• Prêts douteux par catégories d’emprunteurs" xr:uid="{08C961FD-1BAD-4DD2-B43D-E41F882D906A}"/>
    <hyperlink ref="A34" location="'23'!A2" display="• Dotation au compte de correction de valeur pour pertes sur créances par secteurs d’activité" xr:uid="{8C1F2934-83F9-49CB-B2CA-278CBBA84960}"/>
    <hyperlink ref="A35" location="'24'!A2" display="• Dotation au compte de correction de valeur pour pertes sur créances par catégories d’emprunteurs" xr:uid="{BF84CCA8-FCDD-452A-A203-A77C1A881E42}"/>
    <hyperlink ref="A37" location="'25'!A2" display="Exposition au risque outre-frontière – pays choisis" xr:uid="{EEEFA2AC-511A-4052-9D4E-A0D1313B2A5E}"/>
    <hyperlink ref="A38" location="'26'!A2" display="Investissements financiers – profits (pertes) latents" xr:uid="{6135F903-44DC-4676-9033-8C6CD885408B}"/>
    <hyperlink ref="A39" location="'27'!A2" display=" Faits saillants des fonds propres réglementaires" xr:uid="{C1E73CC5-E6D6-4D4B-9AD1-F62F5C751E3D}"/>
    <hyperlink ref="A41" location="'28'!A2" display="Annexe 1 :  Services bancaires et marchés mondiaux (y compris l’Amérique latine)" xr:uid="{FC82533A-E72F-4F2E-8F35-180E38C7B237}"/>
    <hyperlink ref="A42" location="'29'!A2" display="Annexe 2 : Opérations internationales par régions – Amérique latine" xr:uid="{BFB784E0-E3CA-4659-B90E-414F6105748E}"/>
    <hyperlink ref="A5" location="Notes_1!A1" display="Notes – Adoption de mesures non conformes aux PCGR" xr:uid="{FA1D53A0-DB70-45BB-A1E6-0D2936940653}"/>
    <hyperlink ref="A25" location="'16'!A2" display="État consolidé des variations des capitaux propres" xr:uid="{92D7C571-1E64-4BEF-8D80-54474CD69961}"/>
    <hyperlink ref="B24" location="'15'!A2" display="'15'!A2" xr:uid="{1FB8D5DB-EEF5-481F-B8A2-366A294642D4}"/>
    <hyperlink ref="B29" location="'18'!A2" display="'18'!A2" xr:uid="{8AA75538-EEBB-42B4-BB82-B8E4050D7DE5}"/>
    <hyperlink ref="B30" location="'19'!A2" display="'19'!A2" xr:uid="{010E02FE-FC36-42AA-89FD-44ED36675A9F}"/>
    <hyperlink ref="B31" location="'20'!A2" display="'20'!A2" xr:uid="{69BFE78A-F815-4AD0-8713-A3460ACA8674}"/>
    <hyperlink ref="B32" location="'21'!A2" display="'21'!A2" xr:uid="{B7D418F0-2B37-43A4-8855-888928A5F6E5}"/>
    <hyperlink ref="B33" location="'22'!A2" display="'22'!A2" xr:uid="{3BFA685D-018C-45AB-A130-3ABDC9B3E15D}"/>
    <hyperlink ref="B34" location="'23'!A2" display="'23'!A2" xr:uid="{2F172D68-B05F-4982-B117-D1BCB137B624}"/>
    <hyperlink ref="B35" location="'24'!A2" display="'24'!A2" xr:uid="{5E3C5BC4-5139-4E6A-9DB1-584ACF143F8C}"/>
    <hyperlink ref="B37" location="'25'!A2" display="'25'!A2" xr:uid="{43C5608C-F387-4291-B74C-A9A56EF2B108}"/>
    <hyperlink ref="B38" location="'26'!A2" display="'26'!A2" xr:uid="{971094AF-2854-4291-B196-12AED84918C6}"/>
    <hyperlink ref="B39" location="'27'!A2" display="'27'!A2" xr:uid="{4CA73DD4-AF10-4790-AAAA-8FC5BE35B75E}"/>
    <hyperlink ref="B41" location="'28'!A2" display="'28'!A2" xr:uid="{254E93D1-6F37-48C0-8EA6-856783F39A87}"/>
    <hyperlink ref="B42" location="'29'!A2" display="'29'!A2" xr:uid="{7DA8B18D-4CCC-458E-8C64-64153DF5DE7E}"/>
    <hyperlink ref="B43" location="'30'!A2" display="'30'!A2" xr:uid="{18E4A8FB-D0BB-42BB-86F1-EC82B9A7E2B5}"/>
    <hyperlink ref="A26" location="'17'!A2" display="État consolidé des variations des capitaux propres (suite)" xr:uid="{BB58F8AF-7C66-4509-941E-881401E32703}"/>
    <hyperlink ref="B14" location="'6'!A2" display="'6'!A2" xr:uid="{A2AE9BD8-F916-493D-92D4-57BDA392900E}"/>
    <hyperlink ref="B15" location="'7'!A2" display="'7'!A2" xr:uid="{D1EAE06B-E847-4998-A3E6-70F9E4066ECC}"/>
    <hyperlink ref="B16" location="'8'!A2" display="'8'!A2" xr:uid="{48735F70-889F-4148-AB3B-EA8272552D6F}"/>
    <hyperlink ref="B17" location="'9'!A2" display="'9'!A2" xr:uid="{BA5B32F9-A0AB-4B60-A69B-9BE979FA3804}"/>
    <hyperlink ref="B26" location="'17'!A2" display="'17'!A2" xr:uid="{969B9758-36E8-43F7-A9ED-753BDC473913}"/>
    <hyperlink ref="B25" location="'16'!A2" display="'16'!A2" xr:uid="{5E82F919-3A6D-4F44-B669-F5787A973C79}"/>
    <hyperlink ref="B23" location="'14'!A2" display="'14'!A2" xr:uid="{FA01299B-3C34-4253-BBB1-C5557D3BAB23}"/>
    <hyperlink ref="B22" location="'13'!A2" display="'13'!A2" xr:uid="{D899BB3D-5EBD-4058-87F4-FF70B6658F82}"/>
    <hyperlink ref="B21" location="'12'!A2" display="'12'!A2" xr:uid="{94AE9F3E-7CAB-41D7-AC0B-CC5895CA8742}"/>
    <hyperlink ref="B20" location="'11'!A2" display="'11'!A2" xr:uid="{77D71C6F-0466-49F5-84B0-ED27C55D2DC6}"/>
    <hyperlink ref="B19" location="'10'!A2" display="'10'!A2" xr:uid="{7F25D645-D3EA-46AD-BF71-EF913A053678}"/>
    <hyperlink ref="B5" location="Notes_1!A1" display="Notes" xr:uid="{C1E699BD-B9B0-481E-8696-86654772C83A}"/>
    <hyperlink ref="B6" location="GTDAR!A1" display="GTDAR" xr:uid="{F67B3BAB-20C7-4993-9116-C12DA9754744}"/>
    <hyperlink ref="B7" location="'1'!A2" display="'1'!A2" xr:uid="{B5DD2F81-A701-4097-B357-B7B2F6BD50D0}"/>
    <hyperlink ref="A8" location="'2'!A2" display="Données sur les actions ordinaires et autres renseignements" xr:uid="{5EF1F900-58AB-49C8-AC37-807724DAC59A}"/>
    <hyperlink ref="B8" location="'2'!A2" display="'2'!A2" xr:uid="{67BFF44A-9C46-4398-998C-602B72EB2D7C}"/>
    <hyperlink ref="A9" location="'3'!A2" display="État consolidé du résultat net" xr:uid="{4283B3E7-67EF-4ECE-83D0-A3F2B15895AB}"/>
    <hyperlink ref="B9" location="'3'!A2" display="'3'!A2" xr:uid="{683F86FF-8C1F-4F46-8EEE-64A069518FF5}"/>
    <hyperlink ref="A12" location="'4'!A2" display="• Réseau canadien" xr:uid="{2AA6C0BB-B4C6-4DA2-93B5-00DB0A4ED632}"/>
    <hyperlink ref="B12" location="'4'!A2" display="'4'!A2" xr:uid="{6235B7D5-D82E-4A2E-BE77-10597BC3AAA3}"/>
    <hyperlink ref="A13" location="'5'!A2" display="• Opérations internationales" xr:uid="{3B6B62A9-1BA5-4A3D-B958-F638D0E2CCD3}"/>
    <hyperlink ref="B13" location="'5'!A2" display="'5'!A2" xr:uid="{9F05CB4C-DBCE-4055-9272-2992697C2363}"/>
    <hyperlink ref="A14" location="'6'!A2" display="• Opérations internationales (en dollars constants)" xr:uid="{BE23601B-A587-4314-AEBC-2BCB5D72DF96}"/>
    <hyperlink ref="A15" location="'7'!A2" display="• Gestion de patrimoine mondiale" xr:uid="{B9626155-FCC4-47BF-8C14-AAAFF3B93964}"/>
    <hyperlink ref="A16" location="'8'!A2" display="• Services bancaires et marchés mondiaux" xr:uid="{093EBE93-3C60-4F2B-879B-9D8D193142D6}"/>
    <hyperlink ref="A17" location="'9'!A2" display="• Autres" xr:uid="{DD6BFB19-2602-48E5-A1FA-F3F901206215}"/>
    <hyperlink ref="A19" location="'10'!A2" display="Revenus autres que d’intérêts" xr:uid="{BB6924D2-70D9-4292-A5FE-EB020455A108}"/>
    <hyperlink ref="A20" location="'11'!A2" display="Revenus provenant des activités de transaction et actifs sous administration et sous gestion" xr:uid="{9123CAE0-5B4A-420A-8001-0DB2D17DA02D}"/>
    <hyperlink ref="A21" location="'12'!A2" display="Charges d’exploitation" xr:uid="{7EECD3F7-0A41-4BD2-AC3B-2F7C20B2F612}"/>
    <hyperlink ref="A22" location="'13'!A2" display="État consolidé de la situation financière – Actifs (soldes au comptant)" xr:uid="{590F37AB-ABE2-489E-A827-D2A09099CE9D}"/>
    <hyperlink ref="A23" location="'14'!A2" display="État consolidé de la situation financière – Passifs et capitaux propres (soldes au comptant)" xr:uid="{8FAD7DAC-0771-44C1-B3DA-4B1423A753A7}"/>
    <hyperlink ref="A43" location="'30'!A2" display="'Annexe 2 : Opérations internationales par régions – Antilles, Amérique centrale et Asie" xr:uid="{9F97E3D6-F533-40B9-B177-7DB1DD23F996}"/>
    <hyperlink ref="A7" location="'1'!A2" display="Faits saillants" xr:uid="{C06D1538-01D9-478B-BF6A-D071099FBC7E}"/>
    <hyperlink ref="B44" location="'31'!A2" display="'31'!A2" xr:uid="{8D539E1B-3F96-45B8-B48A-A1006F6DF51F}"/>
    <hyperlink ref="A44" location="'31'!A1" display="'Annexe 2 : Opérations internationales par régions – Rapprochement des mesures financières non conformes aux PCGR (marge nette sur intérêts)" xr:uid="{02C6F22F-1701-4C03-BBAC-362671CC3600}"/>
  </hyperlinks>
  <printOptions horizontalCentered="1"/>
  <pageMargins left="0.51181102362204722" right="0.51181102362204722" top="0.51181102362204722" bottom="0.51181102362204722" header="0.23622047244094491" footer="0.23622047244094491"/>
  <pageSetup scale="75" firstPageNumber="6" orientation="landscape" r:id="rId1"/>
  <headerFooter>
    <oddFooter>&amp;L&amp;G&amp;C&amp;"Scotia,Regular"&amp;9Informations financières supplémentaires (IFS)&amp;R&amp;"Scotia,Regular"&amp;9&amp;A</oddFooter>
  </headerFooter>
  <legacyDrawingHF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AE6AD0-E212-4EA3-A1E3-D9A459F5CFA7}">
  <sheetPr>
    <pageSetUpPr fitToPage="1"/>
  </sheetPr>
  <dimension ref="A1:J43"/>
  <sheetViews>
    <sheetView showGridLines="0" zoomScaleNormal="100" workbookViewId="0"/>
  </sheetViews>
  <sheetFormatPr defaultColWidth="8.7265625" defaultRowHeight="12.5" x14ac:dyDescent="0.25"/>
  <cols>
    <col min="1" max="1" width="90.81640625" style="25" customWidth="1"/>
    <col min="2" max="10" width="11.7265625" style="25" customWidth="1"/>
    <col min="11" max="16384" width="8.7265625" style="25"/>
  </cols>
  <sheetData>
    <row r="1" spans="1:10" ht="20.149999999999999" customHeight="1" x14ac:dyDescent="0.25">
      <c r="A1" s="24" t="s">
        <v>37</v>
      </c>
    </row>
    <row r="2" spans="1:10" ht="24" customHeight="1" x14ac:dyDescent="0.25">
      <c r="A2" s="3240" t="s">
        <v>27</v>
      </c>
      <c r="B2" s="3240" t="s">
        <v>38</v>
      </c>
      <c r="C2" s="3240" t="s">
        <v>38</v>
      </c>
      <c r="D2" s="3240" t="s">
        <v>38</v>
      </c>
      <c r="E2" s="3240" t="s">
        <v>38</v>
      </c>
      <c r="F2" s="3240" t="s">
        <v>38</v>
      </c>
      <c r="G2" s="3240" t="s">
        <v>38</v>
      </c>
      <c r="H2" s="3240" t="s">
        <v>38</v>
      </c>
      <c r="I2" s="3240" t="s">
        <v>38</v>
      </c>
      <c r="J2" s="3240" t="s">
        <v>38</v>
      </c>
    </row>
    <row r="3" spans="1:10" ht="15" customHeight="1" x14ac:dyDescent="0.25">
      <c r="A3" s="783"/>
      <c r="B3" s="3241" t="s">
        <v>174</v>
      </c>
      <c r="C3" s="3248" t="s">
        <v>38</v>
      </c>
      <c r="D3" s="3249">
        <v>2022</v>
      </c>
      <c r="E3" s="3244" t="s">
        <v>38</v>
      </c>
      <c r="F3" s="3244" t="s">
        <v>38</v>
      </c>
      <c r="G3" s="3250" t="s">
        <v>38</v>
      </c>
      <c r="H3" s="3251">
        <v>2021</v>
      </c>
      <c r="I3" s="3244" t="s">
        <v>38</v>
      </c>
      <c r="J3" s="3244" t="s">
        <v>38</v>
      </c>
    </row>
    <row r="4" spans="1:10" ht="15" customHeight="1" x14ac:dyDescent="0.25">
      <c r="A4" s="784" t="s">
        <v>69</v>
      </c>
      <c r="B4" s="785" t="s">
        <v>49</v>
      </c>
      <c r="C4" s="806" t="s">
        <v>45</v>
      </c>
      <c r="D4" s="807" t="s">
        <v>569</v>
      </c>
      <c r="E4" s="788" t="s">
        <v>570</v>
      </c>
      <c r="F4" s="788" t="s">
        <v>49</v>
      </c>
      <c r="G4" s="808" t="s">
        <v>45</v>
      </c>
      <c r="H4" s="790" t="s">
        <v>569</v>
      </c>
      <c r="I4" s="788" t="s">
        <v>570</v>
      </c>
      <c r="J4" s="788" t="s">
        <v>49</v>
      </c>
    </row>
    <row r="5" spans="1:10" ht="15" customHeight="1" x14ac:dyDescent="0.25">
      <c r="A5" s="791" t="s">
        <v>358</v>
      </c>
      <c r="B5" s="785"/>
      <c r="C5" s="806"/>
      <c r="D5" s="807"/>
      <c r="E5" s="788"/>
      <c r="F5" s="788"/>
      <c r="G5" s="808"/>
      <c r="H5" s="790"/>
      <c r="I5" s="788"/>
      <c r="J5" s="788"/>
    </row>
    <row r="6" spans="1:10" ht="15" customHeight="1" x14ac:dyDescent="0.25">
      <c r="A6" s="809" t="s">
        <v>184</v>
      </c>
      <c r="B6" s="810"/>
      <c r="C6" s="811"/>
      <c r="D6" s="812"/>
      <c r="E6" s="813"/>
      <c r="F6" s="813"/>
      <c r="G6" s="814"/>
      <c r="H6" s="815"/>
      <c r="I6" s="813"/>
      <c r="J6" s="813"/>
    </row>
    <row r="7" spans="1:10" ht="15" customHeight="1" x14ac:dyDescent="0.25">
      <c r="A7" s="798" t="s">
        <v>822</v>
      </c>
      <c r="B7" s="2411">
        <v>283651</v>
      </c>
      <c r="C7" s="2426">
        <v>274879</v>
      </c>
      <c r="D7" s="2427">
        <v>265892</v>
      </c>
      <c r="E7" s="2414">
        <v>259503</v>
      </c>
      <c r="F7" s="2414">
        <v>252847</v>
      </c>
      <c r="G7" s="2428">
        <v>247067</v>
      </c>
      <c r="H7" s="796">
        <v>243551</v>
      </c>
      <c r="I7" s="2414">
        <v>247462</v>
      </c>
      <c r="J7" s="2414">
        <v>246661</v>
      </c>
    </row>
    <row r="8" spans="1:10" ht="15" customHeight="1" x14ac:dyDescent="0.25">
      <c r="A8" s="798" t="s">
        <v>344</v>
      </c>
      <c r="B8" s="2411">
        <v>611376</v>
      </c>
      <c r="C8" s="2426">
        <v>621740</v>
      </c>
      <c r="D8" s="2427">
        <v>597617</v>
      </c>
      <c r="E8" s="2414">
        <v>566966</v>
      </c>
      <c r="F8" s="2414">
        <v>569268</v>
      </c>
      <c r="G8" s="2428">
        <v>559616</v>
      </c>
      <c r="H8" s="796">
        <v>511348</v>
      </c>
      <c r="I8" s="2414">
        <v>503314</v>
      </c>
      <c r="J8" s="2414">
        <v>469078</v>
      </c>
    </row>
    <row r="9" spans="1:10" ht="15" customHeight="1" x14ac:dyDescent="0.25">
      <c r="A9" s="798" t="s">
        <v>359</v>
      </c>
      <c r="B9" s="2411">
        <v>50511</v>
      </c>
      <c r="C9" s="2426">
        <v>53268</v>
      </c>
      <c r="D9" s="2427">
        <v>52672</v>
      </c>
      <c r="E9" s="2414">
        <v>53113</v>
      </c>
      <c r="F9" s="2414">
        <v>54439</v>
      </c>
      <c r="G9" s="2428">
        <v>44362</v>
      </c>
      <c r="H9" s="796">
        <v>42360</v>
      </c>
      <c r="I9" s="2414">
        <v>43610</v>
      </c>
      <c r="J9" s="2414">
        <v>40922</v>
      </c>
    </row>
    <row r="10" spans="1:10" ht="15" customHeight="1" x14ac:dyDescent="0.25">
      <c r="A10" s="799" t="s">
        <v>581</v>
      </c>
      <c r="B10" s="2411">
        <v>945538</v>
      </c>
      <c r="C10" s="2426">
        <v>949887</v>
      </c>
      <c r="D10" s="2427">
        <v>916181</v>
      </c>
      <c r="E10" s="2414">
        <v>879582</v>
      </c>
      <c r="F10" s="2414">
        <v>876554</v>
      </c>
      <c r="G10" s="2428">
        <v>851045</v>
      </c>
      <c r="H10" s="796">
        <v>797259</v>
      </c>
      <c r="I10" s="2414">
        <v>794386</v>
      </c>
      <c r="J10" s="2414">
        <v>756661</v>
      </c>
    </row>
    <row r="11" spans="1:10" ht="15" customHeight="1" x14ac:dyDescent="0.25">
      <c r="A11" s="799"/>
      <c r="B11" s="2416"/>
      <c r="C11" s="2429"/>
      <c r="D11" s="2430"/>
      <c r="E11" s="2419"/>
      <c r="F11" s="2419"/>
      <c r="G11" s="2431"/>
      <c r="H11" s="797"/>
      <c r="I11" s="2419"/>
      <c r="J11" s="2419"/>
    </row>
    <row r="12" spans="1:10" ht="15" customHeight="1" x14ac:dyDescent="0.25">
      <c r="A12" s="799" t="s">
        <v>270</v>
      </c>
      <c r="B12" s="2411">
        <v>26935</v>
      </c>
      <c r="C12" s="2426">
        <v>26583</v>
      </c>
      <c r="D12" s="2427">
        <v>22421</v>
      </c>
      <c r="E12" s="2414">
        <v>22876</v>
      </c>
      <c r="F12" s="2414">
        <v>21927</v>
      </c>
      <c r="G12" s="2428">
        <v>23979</v>
      </c>
      <c r="H12" s="796">
        <v>22493</v>
      </c>
      <c r="I12" s="2414">
        <v>21961</v>
      </c>
      <c r="J12" s="2414">
        <v>20406</v>
      </c>
    </row>
    <row r="13" spans="1:10" ht="15" customHeight="1" x14ac:dyDescent="0.35">
      <c r="A13" s="799"/>
      <c r="B13" s="2432"/>
      <c r="C13" s="2433"/>
      <c r="D13" s="2430"/>
      <c r="E13" s="2434"/>
      <c r="F13" s="2434"/>
      <c r="G13" s="2435"/>
      <c r="H13" s="797"/>
      <c r="I13" s="2419"/>
      <c r="J13" s="2419"/>
    </row>
    <row r="14" spans="1:10" ht="15" customHeight="1" x14ac:dyDescent="0.35">
      <c r="A14" s="799" t="s">
        <v>572</v>
      </c>
      <c r="B14" s="2432"/>
      <c r="C14" s="2433"/>
      <c r="D14" s="2430"/>
      <c r="E14" s="2434"/>
      <c r="F14" s="2434"/>
      <c r="G14" s="2435"/>
      <c r="H14" s="797"/>
      <c r="I14" s="2419"/>
      <c r="J14" s="2419"/>
    </row>
    <row r="15" spans="1:10" ht="15" customHeight="1" x14ac:dyDescent="0.25">
      <c r="A15" s="798" t="s">
        <v>361</v>
      </c>
      <c r="B15" s="2411">
        <v>21951</v>
      </c>
      <c r="C15" s="2426">
        <v>21912</v>
      </c>
      <c r="D15" s="2427">
        <v>19525</v>
      </c>
      <c r="E15" s="2414">
        <v>19844</v>
      </c>
      <c r="F15" s="2414">
        <v>19070</v>
      </c>
      <c r="G15" s="2428">
        <v>20934</v>
      </c>
      <c r="H15" s="796">
        <v>20441</v>
      </c>
      <c r="I15" s="2414">
        <v>17085</v>
      </c>
      <c r="J15" s="2414">
        <v>15668</v>
      </c>
    </row>
    <row r="16" spans="1:10" ht="15" customHeight="1" x14ac:dyDescent="0.25">
      <c r="A16" s="798" t="s">
        <v>823</v>
      </c>
      <c r="B16" s="2411">
        <v>41310</v>
      </c>
      <c r="C16" s="2426">
        <v>43439</v>
      </c>
      <c r="D16" s="2427">
        <v>40449</v>
      </c>
      <c r="E16" s="2414">
        <v>44220</v>
      </c>
      <c r="F16" s="2414">
        <v>44620</v>
      </c>
      <c r="G16" s="2428">
        <v>46133</v>
      </c>
      <c r="H16" s="796">
        <v>40954</v>
      </c>
      <c r="I16" s="2414">
        <v>43276</v>
      </c>
      <c r="J16" s="2414">
        <v>41768</v>
      </c>
    </row>
    <row r="17" spans="1:10" ht="15" customHeight="1" x14ac:dyDescent="0.25">
      <c r="A17" s="798" t="s">
        <v>343</v>
      </c>
      <c r="B17" s="2411">
        <v>50562</v>
      </c>
      <c r="C17" s="2426">
        <v>52746</v>
      </c>
      <c r="D17" s="2427">
        <v>65900</v>
      </c>
      <c r="E17" s="2414">
        <v>56880</v>
      </c>
      <c r="F17" s="2414">
        <v>57123</v>
      </c>
      <c r="G17" s="2428">
        <v>39697</v>
      </c>
      <c r="H17" s="796">
        <v>42203</v>
      </c>
      <c r="I17" s="2414">
        <v>38894</v>
      </c>
      <c r="J17" s="2414">
        <v>39868</v>
      </c>
    </row>
    <row r="18" spans="1:10" ht="15" customHeight="1" x14ac:dyDescent="0.25">
      <c r="A18" s="798" t="s">
        <v>824</v>
      </c>
      <c r="B18" s="2411">
        <v>132631</v>
      </c>
      <c r="C18" s="2426">
        <v>132206</v>
      </c>
      <c r="D18" s="2427">
        <v>139025</v>
      </c>
      <c r="E18" s="2414">
        <v>128145</v>
      </c>
      <c r="F18" s="2414">
        <v>131978</v>
      </c>
      <c r="G18" s="2428">
        <v>122878</v>
      </c>
      <c r="H18" s="796">
        <v>123469</v>
      </c>
      <c r="I18" s="2414">
        <v>112516</v>
      </c>
      <c r="J18" s="2414">
        <v>115969</v>
      </c>
    </row>
    <row r="19" spans="1:10" ht="15" customHeight="1" x14ac:dyDescent="0.25">
      <c r="A19" s="798" t="s">
        <v>363</v>
      </c>
      <c r="B19" s="2411">
        <v>389</v>
      </c>
      <c r="C19" s="2426">
        <v>409</v>
      </c>
      <c r="D19" s="2427">
        <v>463</v>
      </c>
      <c r="E19" s="2414">
        <v>288</v>
      </c>
      <c r="F19" s="2414">
        <v>224</v>
      </c>
      <c r="G19" s="2428">
        <v>575</v>
      </c>
      <c r="H19" s="796">
        <v>1344</v>
      </c>
      <c r="I19" s="2414">
        <v>1369</v>
      </c>
      <c r="J19" s="2414">
        <v>1065</v>
      </c>
    </row>
    <row r="20" spans="1:10" ht="15" customHeight="1" x14ac:dyDescent="0.25">
      <c r="A20" s="798" t="s">
        <v>300</v>
      </c>
      <c r="B20" s="2411">
        <v>8784</v>
      </c>
      <c r="C20" s="2426">
        <v>8713</v>
      </c>
      <c r="D20" s="2427">
        <v>8469</v>
      </c>
      <c r="E20" s="2414">
        <v>8413</v>
      </c>
      <c r="F20" s="2414">
        <v>8447</v>
      </c>
      <c r="G20" s="2428">
        <v>6338</v>
      </c>
      <c r="H20" s="796">
        <v>6334</v>
      </c>
      <c r="I20" s="2414">
        <v>6418</v>
      </c>
      <c r="J20" s="2414">
        <v>6439</v>
      </c>
    </row>
    <row r="21" spans="1:10" ht="15" customHeight="1" x14ac:dyDescent="0.25">
      <c r="A21" s="798" t="s">
        <v>365</v>
      </c>
      <c r="B21" s="2411">
        <v>295</v>
      </c>
      <c r="C21" s="2426">
        <v>321</v>
      </c>
      <c r="D21" s="2427">
        <v>333</v>
      </c>
      <c r="E21" s="2414">
        <v>252</v>
      </c>
      <c r="F21" s="2414">
        <v>254</v>
      </c>
      <c r="G21" s="2428">
        <v>277</v>
      </c>
      <c r="H21" s="796">
        <v>325</v>
      </c>
      <c r="I21" s="2414">
        <v>169</v>
      </c>
      <c r="J21" s="2414">
        <v>177</v>
      </c>
    </row>
    <row r="22" spans="1:10" ht="15" customHeight="1" x14ac:dyDescent="0.25">
      <c r="A22" s="798" t="s">
        <v>366</v>
      </c>
      <c r="B22" s="2411">
        <v>1105</v>
      </c>
      <c r="C22" s="2426">
        <v>1068</v>
      </c>
      <c r="D22" s="2427">
        <v>1099</v>
      </c>
      <c r="E22" s="2414">
        <v>1075</v>
      </c>
      <c r="F22" s="2414">
        <v>1154</v>
      </c>
      <c r="G22" s="2428">
        <v>1170</v>
      </c>
      <c r="H22" s="796">
        <v>1149</v>
      </c>
      <c r="I22" s="2414">
        <v>1184</v>
      </c>
      <c r="J22" s="2414">
        <v>1154</v>
      </c>
    </row>
    <row r="23" spans="1:10" ht="15" customHeight="1" x14ac:dyDescent="0.25">
      <c r="A23" s="798" t="s">
        <v>572</v>
      </c>
      <c r="B23" s="2411">
        <v>64948</v>
      </c>
      <c r="C23" s="2426">
        <v>61403</v>
      </c>
      <c r="D23" s="2427">
        <v>60804</v>
      </c>
      <c r="E23" s="2414">
        <v>56942</v>
      </c>
      <c r="F23" s="2414">
        <v>55188</v>
      </c>
      <c r="G23" s="2428">
        <v>58502</v>
      </c>
      <c r="H23" s="796">
        <v>55981</v>
      </c>
      <c r="I23" s="2414">
        <v>54010</v>
      </c>
      <c r="J23" s="2414">
        <v>55651</v>
      </c>
    </row>
    <row r="24" spans="1:10" ht="15" customHeight="1" x14ac:dyDescent="0.25">
      <c r="A24" s="798" t="s">
        <v>367</v>
      </c>
      <c r="B24" s="2411">
        <v>321975</v>
      </c>
      <c r="C24" s="2426">
        <v>322217</v>
      </c>
      <c r="D24" s="2427">
        <v>336067</v>
      </c>
      <c r="E24" s="2414">
        <v>316059</v>
      </c>
      <c r="F24" s="2414">
        <v>318058</v>
      </c>
      <c r="G24" s="2428">
        <v>296504</v>
      </c>
      <c r="H24" s="796">
        <v>292200</v>
      </c>
      <c r="I24" s="2414">
        <v>274921</v>
      </c>
      <c r="J24" s="2414">
        <v>277759</v>
      </c>
    </row>
    <row r="25" spans="1:10" ht="15" customHeight="1" x14ac:dyDescent="0.25">
      <c r="A25" s="795" t="s">
        <v>583</v>
      </c>
      <c r="B25" s="2411">
        <v>1294448</v>
      </c>
      <c r="C25" s="2426">
        <v>1298687</v>
      </c>
      <c r="D25" s="2427">
        <v>1274669</v>
      </c>
      <c r="E25" s="2414">
        <v>1218517</v>
      </c>
      <c r="F25" s="2414">
        <v>1216539</v>
      </c>
      <c r="G25" s="2428">
        <v>1171528</v>
      </c>
      <c r="H25" s="796">
        <v>1111952</v>
      </c>
      <c r="I25" s="2414">
        <v>1091268</v>
      </c>
      <c r="J25" s="2414">
        <v>1054826</v>
      </c>
    </row>
    <row r="26" spans="1:10" ht="15" customHeight="1" x14ac:dyDescent="0.25">
      <c r="A26" s="816"/>
      <c r="B26" s="2436"/>
      <c r="C26" s="2437"/>
      <c r="D26" s="2438"/>
      <c r="E26" s="2439"/>
      <c r="F26" s="2439"/>
      <c r="G26" s="2440"/>
      <c r="H26" s="817"/>
      <c r="I26" s="2439"/>
      <c r="J26" s="2439"/>
    </row>
    <row r="27" spans="1:10" ht="15" customHeight="1" x14ac:dyDescent="0.25">
      <c r="A27" s="791" t="s">
        <v>369</v>
      </c>
      <c r="B27" s="2441"/>
      <c r="C27" s="2442"/>
      <c r="D27" s="2443"/>
      <c r="E27" s="2444"/>
      <c r="F27" s="2444"/>
      <c r="G27" s="2445"/>
      <c r="H27" s="818"/>
      <c r="I27" s="2446"/>
      <c r="J27" s="2446"/>
    </row>
    <row r="28" spans="1:10" ht="15" customHeight="1" x14ac:dyDescent="0.25">
      <c r="A28" s="793" t="s">
        <v>190</v>
      </c>
      <c r="B28" s="2447"/>
      <c r="C28" s="2448"/>
      <c r="D28" s="2449"/>
      <c r="E28" s="2450"/>
      <c r="F28" s="2450"/>
      <c r="G28" s="2451"/>
      <c r="H28" s="819"/>
      <c r="I28" s="2452"/>
      <c r="J28" s="2452"/>
    </row>
    <row r="29" spans="1:10" ht="15" customHeight="1" x14ac:dyDescent="0.25">
      <c r="A29" s="798" t="s">
        <v>371</v>
      </c>
      <c r="B29" s="2411">
        <v>19160</v>
      </c>
      <c r="C29" s="2426">
        <v>18732</v>
      </c>
      <c r="D29" s="2427">
        <v>18707</v>
      </c>
      <c r="E29" s="2414">
        <v>18728</v>
      </c>
      <c r="F29" s="2414">
        <v>18799</v>
      </c>
      <c r="G29" s="2428">
        <v>18421</v>
      </c>
      <c r="H29" s="796">
        <v>18507</v>
      </c>
      <c r="I29" s="2414">
        <v>18493</v>
      </c>
      <c r="J29" s="2414">
        <v>18377</v>
      </c>
    </row>
    <row r="30" spans="1:10" ht="15" customHeight="1" x14ac:dyDescent="0.25">
      <c r="A30" s="798" t="s">
        <v>372</v>
      </c>
      <c r="B30" s="2411">
        <v>54967</v>
      </c>
      <c r="C30" s="2426">
        <v>54165</v>
      </c>
      <c r="D30" s="2427">
        <v>53761</v>
      </c>
      <c r="E30" s="2414">
        <v>53151</v>
      </c>
      <c r="F30" s="2414">
        <v>52209</v>
      </c>
      <c r="G30" s="2428">
        <v>51848</v>
      </c>
      <c r="H30" s="796">
        <v>51354</v>
      </c>
      <c r="I30" s="2414">
        <v>50044</v>
      </c>
      <c r="J30" s="2414">
        <v>48713</v>
      </c>
    </row>
    <row r="31" spans="1:10" ht="15" customHeight="1" x14ac:dyDescent="0.25">
      <c r="A31" s="798" t="s">
        <v>373</v>
      </c>
      <c r="B31" s="2411">
        <v>-4906</v>
      </c>
      <c r="C31" s="2426">
        <v>-6640</v>
      </c>
      <c r="D31" s="2427">
        <v>-7166</v>
      </c>
      <c r="E31" s="2414">
        <v>-6684</v>
      </c>
      <c r="F31" s="2414">
        <v>-6034</v>
      </c>
      <c r="G31" s="2428">
        <v>-4324</v>
      </c>
      <c r="H31" s="796">
        <v>-5333</v>
      </c>
      <c r="I31" s="2414">
        <v>-3986</v>
      </c>
      <c r="J31" s="2414">
        <v>-3979</v>
      </c>
    </row>
    <row r="32" spans="1:10" ht="15" customHeight="1" x14ac:dyDescent="0.25">
      <c r="A32" s="798" t="s">
        <v>374</v>
      </c>
      <c r="B32" s="2411">
        <v>-144</v>
      </c>
      <c r="C32" s="2426">
        <v>-145</v>
      </c>
      <c r="D32" s="2427">
        <v>-152</v>
      </c>
      <c r="E32" s="2414">
        <v>-152</v>
      </c>
      <c r="F32" s="2414">
        <v>-141</v>
      </c>
      <c r="G32" s="2428">
        <v>227</v>
      </c>
      <c r="H32" s="796">
        <v>222</v>
      </c>
      <c r="I32" s="2414">
        <v>169</v>
      </c>
      <c r="J32" s="2414">
        <v>348</v>
      </c>
    </row>
    <row r="33" spans="1:10" ht="15" customHeight="1" x14ac:dyDescent="0.25">
      <c r="A33" s="798" t="s">
        <v>375</v>
      </c>
      <c r="B33" s="2411">
        <v>69077</v>
      </c>
      <c r="C33" s="2426">
        <v>66112</v>
      </c>
      <c r="D33" s="2453">
        <v>65150</v>
      </c>
      <c r="E33" s="2454">
        <v>65043</v>
      </c>
      <c r="F33" s="2454">
        <v>64833</v>
      </c>
      <c r="G33" s="2455">
        <v>66172</v>
      </c>
      <c r="H33" s="820">
        <v>64750</v>
      </c>
      <c r="I33" s="2454">
        <v>64720</v>
      </c>
      <c r="J33" s="2454">
        <v>63459</v>
      </c>
    </row>
    <row r="34" spans="1:10" ht="15" customHeight="1" x14ac:dyDescent="0.25">
      <c r="A34" s="799"/>
      <c r="B34" s="2416"/>
      <c r="C34" s="2429"/>
      <c r="D34" s="2430"/>
      <c r="E34" s="2419"/>
      <c r="F34" s="2419"/>
      <c r="G34" s="2431"/>
      <c r="H34" s="797"/>
      <c r="I34" s="2419"/>
      <c r="J34" s="2419"/>
    </row>
    <row r="35" spans="1:10" ht="15" customHeight="1" x14ac:dyDescent="0.25">
      <c r="A35" s="799" t="s">
        <v>376</v>
      </c>
      <c r="B35" s="2411">
        <v>8075</v>
      </c>
      <c r="C35" s="2426">
        <v>8075</v>
      </c>
      <c r="D35" s="2427">
        <v>8075</v>
      </c>
      <c r="E35" s="2414">
        <v>7052</v>
      </c>
      <c r="F35" s="2414">
        <v>5552</v>
      </c>
      <c r="G35" s="2428">
        <v>5552</v>
      </c>
      <c r="H35" s="796">
        <v>6052</v>
      </c>
      <c r="I35" s="2414">
        <v>5299</v>
      </c>
      <c r="J35" s="2414">
        <v>4549</v>
      </c>
    </row>
    <row r="36" spans="1:10" ht="15" customHeight="1" x14ac:dyDescent="0.25">
      <c r="A36" s="799" t="s">
        <v>377</v>
      </c>
      <c r="B36" s="2411">
        <v>77152</v>
      </c>
      <c r="C36" s="2426">
        <v>74187</v>
      </c>
      <c r="D36" s="2427">
        <v>73225</v>
      </c>
      <c r="E36" s="2414">
        <v>72095</v>
      </c>
      <c r="F36" s="2414">
        <v>70385</v>
      </c>
      <c r="G36" s="2428">
        <v>71724</v>
      </c>
      <c r="H36" s="796">
        <v>70802</v>
      </c>
      <c r="I36" s="2414">
        <v>70019</v>
      </c>
      <c r="J36" s="2414">
        <v>68008</v>
      </c>
    </row>
    <row r="37" spans="1:10" ht="15" customHeight="1" x14ac:dyDescent="0.25">
      <c r="A37" s="799"/>
      <c r="B37" s="2416"/>
      <c r="C37" s="2429"/>
      <c r="D37" s="2430"/>
      <c r="E37" s="2419"/>
      <c r="F37" s="2419"/>
      <c r="G37" s="2431"/>
      <c r="H37" s="797"/>
      <c r="I37" s="2419"/>
      <c r="J37" s="2419"/>
    </row>
    <row r="38" spans="1:10" ht="15" customHeight="1" x14ac:dyDescent="0.25">
      <c r="A38" s="799" t="s">
        <v>378</v>
      </c>
      <c r="B38" s="2411">
        <v>1598</v>
      </c>
      <c r="C38" s="2426">
        <v>1564</v>
      </c>
      <c r="D38" s="2427">
        <v>1524</v>
      </c>
      <c r="E38" s="2414">
        <v>1490</v>
      </c>
      <c r="F38" s="2414">
        <v>1582</v>
      </c>
      <c r="G38" s="2428">
        <v>2222</v>
      </c>
      <c r="H38" s="796">
        <v>2090</v>
      </c>
      <c r="I38" s="2414">
        <v>2142</v>
      </c>
      <c r="J38" s="2414">
        <v>2414</v>
      </c>
    </row>
    <row r="39" spans="1:10" ht="15" customHeight="1" x14ac:dyDescent="0.25">
      <c r="A39" s="795" t="s">
        <v>379</v>
      </c>
      <c r="B39" s="2411">
        <v>78750</v>
      </c>
      <c r="C39" s="2426">
        <v>75751</v>
      </c>
      <c r="D39" s="2427">
        <v>74749</v>
      </c>
      <c r="E39" s="2414">
        <v>73585</v>
      </c>
      <c r="F39" s="2414">
        <v>71967</v>
      </c>
      <c r="G39" s="2428">
        <v>73946</v>
      </c>
      <c r="H39" s="796">
        <v>72892</v>
      </c>
      <c r="I39" s="2414">
        <v>72161</v>
      </c>
      <c r="J39" s="2414">
        <v>70422</v>
      </c>
    </row>
    <row r="40" spans="1:10" ht="15" customHeight="1" x14ac:dyDescent="0.25">
      <c r="A40" s="801"/>
      <c r="B40" s="2456"/>
      <c r="C40" s="2457"/>
      <c r="D40" s="2458"/>
      <c r="E40" s="2459"/>
      <c r="F40" s="2459"/>
      <c r="G40" s="2460"/>
      <c r="H40" s="821"/>
      <c r="I40" s="2461"/>
      <c r="J40" s="2461"/>
    </row>
    <row r="41" spans="1:10" ht="15" customHeight="1" x14ac:dyDescent="0.25">
      <c r="A41" s="802" t="s">
        <v>380</v>
      </c>
      <c r="B41" s="2421">
        <v>1373198</v>
      </c>
      <c r="C41" s="2462">
        <v>1374438</v>
      </c>
      <c r="D41" s="2463">
        <v>1349418</v>
      </c>
      <c r="E41" s="2424">
        <v>1292102</v>
      </c>
      <c r="F41" s="2424">
        <v>1288506</v>
      </c>
      <c r="G41" s="2464">
        <v>1245474</v>
      </c>
      <c r="H41" s="803">
        <v>1184844</v>
      </c>
      <c r="I41" s="2424">
        <v>1163429</v>
      </c>
      <c r="J41" s="2424">
        <v>1125248</v>
      </c>
    </row>
    <row r="42" spans="1:10" ht="6" customHeight="1" x14ac:dyDescent="0.25">
      <c r="A42" s="822"/>
      <c r="B42" s="823"/>
      <c r="C42" s="824"/>
      <c r="D42" s="824"/>
      <c r="E42" s="824"/>
      <c r="F42" s="824"/>
      <c r="G42" s="824"/>
      <c r="H42" s="824"/>
      <c r="I42" s="824"/>
      <c r="J42" s="824"/>
    </row>
    <row r="43" spans="1:10" ht="6" customHeight="1" x14ac:dyDescent="0.25">
      <c r="A43" s="3247"/>
      <c r="B43" s="3247" t="s">
        <v>38</v>
      </c>
      <c r="C43" s="3247" t="s">
        <v>38</v>
      </c>
      <c r="D43" s="3247" t="s">
        <v>38</v>
      </c>
      <c r="E43" s="3247" t="s">
        <v>38</v>
      </c>
      <c r="F43" s="3247" t="s">
        <v>38</v>
      </c>
      <c r="G43" s="3247" t="s">
        <v>38</v>
      </c>
      <c r="H43" s="3247" t="s">
        <v>38</v>
      </c>
      <c r="I43" s="3247" t="s">
        <v>38</v>
      </c>
      <c r="J43" s="3247" t="s">
        <v>38</v>
      </c>
    </row>
  </sheetData>
  <mergeCells count="5">
    <mergeCell ref="A2:J2"/>
    <mergeCell ref="B3:C3"/>
    <mergeCell ref="D3:G3"/>
    <mergeCell ref="H3:J3"/>
    <mergeCell ref="A43:J43"/>
  </mergeCells>
  <hyperlinks>
    <hyperlink ref="A1" location="TDM!A1" display="Retour à la table des matières" xr:uid="{00000000-0004-0000-1300-000000000000}"/>
  </hyperlinks>
  <printOptions horizontalCentered="1"/>
  <pageMargins left="0.51181102362204722" right="0.51181102362204722" top="0.51181102362204722" bottom="0.51181102362204722" header="0.23622047244094491" footer="0.23622047244094491"/>
  <pageSetup scale="64" orientation="landscape" r:id="rId1"/>
  <headerFooter>
    <oddFooter>&amp;L&amp;G&amp;C&amp;"Scotia,Regular"&amp;9Informations financières supplémentaires (IFS)&amp;R&amp;"Scotia,Regular"&amp;9&amp;A</oddFooter>
  </headerFooter>
  <legacyDrawingHF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D9D208-4F33-4DD1-9388-FA69A1EF2518}">
  <sheetPr>
    <pageSetUpPr fitToPage="1"/>
  </sheetPr>
  <dimension ref="A1:N59"/>
  <sheetViews>
    <sheetView showGridLines="0" zoomScaleNormal="100" workbookViewId="0"/>
  </sheetViews>
  <sheetFormatPr defaultColWidth="8.7265625" defaultRowHeight="12.5" x14ac:dyDescent="0.25"/>
  <cols>
    <col min="1" max="1" width="82.7265625" style="25" customWidth="1"/>
    <col min="2" max="2" width="11.7265625" style="25" customWidth="1"/>
    <col min="3" max="3" width="12.26953125" style="25" customWidth="1"/>
    <col min="4" max="11" width="11.7265625" style="25" customWidth="1"/>
    <col min="12" max="12" width="12.453125" style="25" customWidth="1"/>
    <col min="13" max="14" width="11.7265625" style="25" customWidth="1"/>
    <col min="15" max="16384" width="8.7265625" style="25"/>
  </cols>
  <sheetData>
    <row r="1" spans="1:14" ht="20.149999999999999" customHeight="1" x14ac:dyDescent="0.25">
      <c r="A1" s="24" t="s">
        <v>37</v>
      </c>
    </row>
    <row r="2" spans="1:14" ht="25" customHeight="1" x14ac:dyDescent="0.25">
      <c r="A2" s="3254" t="s">
        <v>28</v>
      </c>
      <c r="B2" s="3254" t="s">
        <v>38</v>
      </c>
      <c r="C2" s="3254" t="s">
        <v>38</v>
      </c>
      <c r="D2" s="3254" t="s">
        <v>38</v>
      </c>
      <c r="E2" s="3254" t="s">
        <v>38</v>
      </c>
      <c r="F2" s="3254" t="s">
        <v>38</v>
      </c>
      <c r="G2" s="3254" t="s">
        <v>38</v>
      </c>
      <c r="H2" s="3254" t="s">
        <v>38</v>
      </c>
      <c r="I2" s="3254" t="s">
        <v>38</v>
      </c>
      <c r="J2" s="3254" t="s">
        <v>38</v>
      </c>
      <c r="K2" s="3254" t="s">
        <v>38</v>
      </c>
      <c r="L2" s="3254" t="s">
        <v>38</v>
      </c>
      <c r="M2" s="3254" t="s">
        <v>38</v>
      </c>
      <c r="N2" s="3254" t="s">
        <v>38</v>
      </c>
    </row>
    <row r="3" spans="1:14" ht="15" customHeight="1" x14ac:dyDescent="0.25">
      <c r="A3" s="825"/>
      <c r="B3" s="3255" t="s">
        <v>174</v>
      </c>
      <c r="C3" s="3256" t="s">
        <v>38</v>
      </c>
      <c r="D3" s="3257">
        <v>2022</v>
      </c>
      <c r="E3" s="3258" t="s">
        <v>38</v>
      </c>
      <c r="F3" s="3258" t="s">
        <v>38</v>
      </c>
      <c r="G3" s="3259" t="s">
        <v>38</v>
      </c>
      <c r="H3" s="3257">
        <v>2021</v>
      </c>
      <c r="I3" s="3258" t="s">
        <v>38</v>
      </c>
      <c r="J3" s="3258" t="s">
        <v>38</v>
      </c>
      <c r="K3" s="3260" t="s">
        <v>716</v>
      </c>
      <c r="L3" s="3261" t="s">
        <v>38</v>
      </c>
      <c r="M3" s="3262" t="s">
        <v>717</v>
      </c>
      <c r="N3" s="3262" t="s">
        <v>38</v>
      </c>
    </row>
    <row r="4" spans="1:14" ht="15" customHeight="1" x14ac:dyDescent="0.25">
      <c r="A4" s="826" t="s">
        <v>69</v>
      </c>
      <c r="B4" s="827" t="s">
        <v>49</v>
      </c>
      <c r="C4" s="828" t="s">
        <v>45</v>
      </c>
      <c r="D4" s="829" t="s">
        <v>569</v>
      </c>
      <c r="E4" s="830" t="s">
        <v>570</v>
      </c>
      <c r="F4" s="830" t="s">
        <v>49</v>
      </c>
      <c r="G4" s="831" t="s">
        <v>45</v>
      </c>
      <c r="H4" s="832" t="s">
        <v>569</v>
      </c>
      <c r="I4" s="830" t="s">
        <v>570</v>
      </c>
      <c r="J4" s="830" t="s">
        <v>49</v>
      </c>
      <c r="K4" s="833" t="s">
        <v>179</v>
      </c>
      <c r="L4" s="834">
        <v>2022</v>
      </c>
      <c r="M4" s="830">
        <v>2022</v>
      </c>
      <c r="N4" s="830">
        <v>2021</v>
      </c>
    </row>
    <row r="5" spans="1:14" ht="15" customHeight="1" x14ac:dyDescent="0.25">
      <c r="A5" s="835" t="s">
        <v>382</v>
      </c>
      <c r="B5" s="2465">
        <v>73123</v>
      </c>
      <c r="C5" s="2466">
        <v>76271</v>
      </c>
      <c r="D5" s="2467">
        <v>66073</v>
      </c>
      <c r="E5" s="2468">
        <v>78134</v>
      </c>
      <c r="F5" s="2468">
        <v>94428</v>
      </c>
      <c r="G5" s="2469">
        <v>89484</v>
      </c>
      <c r="H5" s="2470">
        <v>76635</v>
      </c>
      <c r="I5" s="2468">
        <v>73216</v>
      </c>
      <c r="J5" s="2468">
        <v>81114</v>
      </c>
      <c r="K5" s="2471">
        <v>74723</v>
      </c>
      <c r="L5" s="2472">
        <v>91915</v>
      </c>
      <c r="M5" s="2473">
        <v>81928</v>
      </c>
      <c r="N5" s="2473">
        <v>75562</v>
      </c>
    </row>
    <row r="6" spans="1:14" ht="15" customHeight="1" x14ac:dyDescent="0.25">
      <c r="A6" s="836"/>
      <c r="B6" s="2474"/>
      <c r="C6" s="2475"/>
      <c r="D6" s="2476"/>
      <c r="E6" s="2477"/>
      <c r="F6" s="2477"/>
      <c r="G6" s="2478"/>
      <c r="H6" s="2479"/>
      <c r="I6" s="2477"/>
      <c r="J6" s="2477"/>
      <c r="K6" s="2480"/>
      <c r="L6" s="2481"/>
      <c r="M6" s="2482"/>
      <c r="N6" s="2482"/>
    </row>
    <row r="7" spans="1:14" ht="15" customHeight="1" x14ac:dyDescent="0.35">
      <c r="A7" s="836" t="s">
        <v>825</v>
      </c>
      <c r="B7" s="2474"/>
      <c r="C7" s="2483"/>
      <c r="D7" s="2476"/>
      <c r="E7" s="2477"/>
      <c r="F7" s="2477"/>
      <c r="G7" s="2478"/>
      <c r="H7" s="2479"/>
      <c r="I7" s="2477"/>
      <c r="J7" s="2477"/>
      <c r="K7" s="2480"/>
      <c r="L7" s="2481"/>
      <c r="M7" s="2482"/>
      <c r="N7" s="2482"/>
    </row>
    <row r="8" spans="1:14" ht="15" customHeight="1" x14ac:dyDescent="0.25">
      <c r="A8" s="837" t="s">
        <v>383</v>
      </c>
      <c r="B8" s="2484">
        <v>107996</v>
      </c>
      <c r="C8" s="2485">
        <v>111996</v>
      </c>
      <c r="D8" s="2486">
        <v>109609</v>
      </c>
      <c r="E8" s="2487">
        <v>120724</v>
      </c>
      <c r="F8" s="2487">
        <v>136569</v>
      </c>
      <c r="G8" s="2488">
        <v>155174</v>
      </c>
      <c r="H8" s="2489">
        <v>138467</v>
      </c>
      <c r="I8" s="2487">
        <v>136726</v>
      </c>
      <c r="J8" s="2487">
        <v>138343</v>
      </c>
      <c r="K8" s="2490">
        <v>110029</v>
      </c>
      <c r="L8" s="2491">
        <v>146026</v>
      </c>
      <c r="M8" s="2492">
        <v>130469</v>
      </c>
      <c r="N8" s="2492">
        <v>135917</v>
      </c>
    </row>
    <row r="9" spans="1:14" ht="15" customHeight="1" x14ac:dyDescent="0.25">
      <c r="A9" s="837" t="s">
        <v>384</v>
      </c>
      <c r="B9" s="2484">
        <v>7615</v>
      </c>
      <c r="C9" s="2485">
        <v>7978</v>
      </c>
      <c r="D9" s="2486">
        <v>8198</v>
      </c>
      <c r="E9" s="2487">
        <v>8166</v>
      </c>
      <c r="F9" s="2487">
        <v>8221</v>
      </c>
      <c r="G9" s="2488">
        <v>8009</v>
      </c>
      <c r="H9" s="2489">
        <v>6234</v>
      </c>
      <c r="I9" s="2487">
        <v>6497</v>
      </c>
      <c r="J9" s="2487">
        <v>6924</v>
      </c>
      <c r="K9" s="2490">
        <v>7800</v>
      </c>
      <c r="L9" s="2491">
        <v>8113</v>
      </c>
      <c r="M9" s="2492">
        <v>8148</v>
      </c>
      <c r="N9" s="2492">
        <v>6938</v>
      </c>
    </row>
    <row r="10" spans="1:14" ht="15" customHeight="1" x14ac:dyDescent="0.25">
      <c r="A10" s="838" t="s">
        <v>269</v>
      </c>
      <c r="B10" s="2484">
        <v>115611</v>
      </c>
      <c r="C10" s="2485">
        <v>119974</v>
      </c>
      <c r="D10" s="2486">
        <v>117807</v>
      </c>
      <c r="E10" s="2487">
        <v>128890</v>
      </c>
      <c r="F10" s="2487">
        <v>144790</v>
      </c>
      <c r="G10" s="2488">
        <v>163183</v>
      </c>
      <c r="H10" s="2489">
        <v>144701</v>
      </c>
      <c r="I10" s="2487">
        <v>143223</v>
      </c>
      <c r="J10" s="2487">
        <v>145267</v>
      </c>
      <c r="K10" s="2490">
        <v>117829</v>
      </c>
      <c r="L10" s="2491">
        <v>154139</v>
      </c>
      <c r="M10" s="2492">
        <v>138617</v>
      </c>
      <c r="N10" s="2492">
        <v>142855</v>
      </c>
    </row>
    <row r="11" spans="1:14" ht="15" customHeight="1" x14ac:dyDescent="0.25">
      <c r="A11" s="836"/>
      <c r="B11" s="2474"/>
      <c r="C11" s="2475"/>
      <c r="D11" s="2476"/>
      <c r="E11" s="2477"/>
      <c r="F11" s="2477"/>
      <c r="G11" s="2478"/>
      <c r="H11" s="2479"/>
      <c r="I11" s="2477"/>
      <c r="J11" s="2477"/>
      <c r="K11" s="2480"/>
      <c r="L11" s="2481"/>
      <c r="M11" s="2482"/>
      <c r="N11" s="2482"/>
    </row>
    <row r="12" spans="1:14" ht="15" customHeight="1" x14ac:dyDescent="0.25">
      <c r="A12" s="836" t="s">
        <v>342</v>
      </c>
      <c r="B12" s="2484">
        <v>189757</v>
      </c>
      <c r="C12" s="2485">
        <v>174942</v>
      </c>
      <c r="D12" s="2486">
        <v>157438</v>
      </c>
      <c r="E12" s="2487">
        <v>146002</v>
      </c>
      <c r="F12" s="2487">
        <v>129761</v>
      </c>
      <c r="G12" s="2488">
        <v>133171</v>
      </c>
      <c r="H12" s="2489">
        <v>121640</v>
      </c>
      <c r="I12" s="2487">
        <v>120779</v>
      </c>
      <c r="J12" s="2487">
        <v>118347</v>
      </c>
      <c r="K12" s="2490">
        <v>182227</v>
      </c>
      <c r="L12" s="2491">
        <v>131494</v>
      </c>
      <c r="M12" s="2492">
        <v>141690</v>
      </c>
      <c r="N12" s="2492">
        <v>119818</v>
      </c>
    </row>
    <row r="13" spans="1:14" ht="15" customHeight="1" x14ac:dyDescent="0.25">
      <c r="A13" s="836"/>
      <c r="B13" s="2474"/>
      <c r="C13" s="2475"/>
      <c r="D13" s="2476"/>
      <c r="E13" s="2477"/>
      <c r="F13" s="2477"/>
      <c r="G13" s="2478"/>
      <c r="H13" s="2479"/>
      <c r="I13" s="2477"/>
      <c r="J13" s="2477"/>
      <c r="K13" s="2480"/>
      <c r="L13" s="2481"/>
      <c r="M13" s="2482"/>
      <c r="N13" s="2482"/>
    </row>
    <row r="14" spans="1:14" ht="15" customHeight="1" x14ac:dyDescent="0.25">
      <c r="A14" s="836" t="s">
        <v>385</v>
      </c>
      <c r="B14" s="2484">
        <v>117542</v>
      </c>
      <c r="C14" s="2485">
        <v>114902</v>
      </c>
      <c r="D14" s="2486">
        <v>111944</v>
      </c>
      <c r="E14" s="2487">
        <v>105153</v>
      </c>
      <c r="F14" s="2487">
        <v>91618</v>
      </c>
      <c r="G14" s="2488">
        <v>80246</v>
      </c>
      <c r="H14" s="2489">
        <v>80875</v>
      </c>
      <c r="I14" s="2487">
        <v>85842</v>
      </c>
      <c r="J14" s="2487">
        <v>92755</v>
      </c>
      <c r="K14" s="2490">
        <v>116200</v>
      </c>
      <c r="L14" s="2491">
        <v>85838</v>
      </c>
      <c r="M14" s="2492">
        <v>97287</v>
      </c>
      <c r="N14" s="2492">
        <v>92208</v>
      </c>
    </row>
    <row r="15" spans="1:14" ht="15" customHeight="1" x14ac:dyDescent="0.25">
      <c r="A15" s="836"/>
      <c r="B15" s="2474"/>
      <c r="C15" s="2475"/>
      <c r="D15" s="2476"/>
      <c r="E15" s="2477"/>
      <c r="F15" s="2477"/>
      <c r="G15" s="2478"/>
      <c r="H15" s="2479"/>
      <c r="I15" s="2477"/>
      <c r="J15" s="2477"/>
      <c r="K15" s="2480"/>
      <c r="L15" s="2481"/>
      <c r="M15" s="2482"/>
      <c r="N15" s="2482"/>
    </row>
    <row r="16" spans="1:14" ht="15" customHeight="1" x14ac:dyDescent="0.25">
      <c r="A16" s="836" t="s">
        <v>345</v>
      </c>
      <c r="B16" s="2474"/>
      <c r="C16" s="2475"/>
      <c r="D16" s="2476"/>
      <c r="E16" s="2477"/>
      <c r="F16" s="2477"/>
      <c r="G16" s="2478"/>
      <c r="H16" s="2479"/>
      <c r="I16" s="2477"/>
      <c r="J16" s="2477"/>
      <c r="K16" s="2480"/>
      <c r="L16" s="2481"/>
      <c r="M16" s="2482"/>
      <c r="N16" s="2482"/>
    </row>
    <row r="17" spans="1:14" ht="15" customHeight="1" x14ac:dyDescent="0.25">
      <c r="A17" s="837" t="s">
        <v>387</v>
      </c>
      <c r="B17" s="2484">
        <v>353227</v>
      </c>
      <c r="C17" s="2485">
        <v>351178</v>
      </c>
      <c r="D17" s="2486">
        <v>346793</v>
      </c>
      <c r="E17" s="2487">
        <v>341673</v>
      </c>
      <c r="F17" s="2487">
        <v>335368</v>
      </c>
      <c r="G17" s="2488">
        <v>326748</v>
      </c>
      <c r="H17" s="2489">
        <v>316497</v>
      </c>
      <c r="I17" s="2487">
        <v>302736</v>
      </c>
      <c r="J17" s="2487">
        <v>291989</v>
      </c>
      <c r="K17" s="2490">
        <v>352185</v>
      </c>
      <c r="L17" s="2491">
        <v>330986</v>
      </c>
      <c r="M17" s="2492">
        <v>337664</v>
      </c>
      <c r="N17" s="2492">
        <v>299728</v>
      </c>
    </row>
    <row r="18" spans="1:14" ht="15" customHeight="1" x14ac:dyDescent="0.25">
      <c r="A18" s="837" t="s">
        <v>388</v>
      </c>
      <c r="B18" s="2484">
        <v>102337</v>
      </c>
      <c r="C18" s="2485">
        <v>101099</v>
      </c>
      <c r="D18" s="2486">
        <v>98886</v>
      </c>
      <c r="E18" s="2487">
        <v>96385</v>
      </c>
      <c r="F18" s="2487">
        <v>93904</v>
      </c>
      <c r="G18" s="2488">
        <v>92675</v>
      </c>
      <c r="H18" s="2489">
        <v>91958</v>
      </c>
      <c r="I18" s="2487">
        <v>91393</v>
      </c>
      <c r="J18" s="2487">
        <v>91445</v>
      </c>
      <c r="K18" s="2490">
        <v>101708</v>
      </c>
      <c r="L18" s="2491">
        <v>93279</v>
      </c>
      <c r="M18" s="2492">
        <v>95475</v>
      </c>
      <c r="N18" s="2492">
        <v>92010</v>
      </c>
    </row>
    <row r="19" spans="1:14" ht="15" customHeight="1" x14ac:dyDescent="0.25">
      <c r="A19" s="837" t="s">
        <v>826</v>
      </c>
      <c r="B19" s="2484">
        <v>15823</v>
      </c>
      <c r="C19" s="2485">
        <v>15117</v>
      </c>
      <c r="D19" s="2486">
        <v>14279</v>
      </c>
      <c r="E19" s="2487">
        <v>13862</v>
      </c>
      <c r="F19" s="2487">
        <v>13398</v>
      </c>
      <c r="G19" s="2488">
        <v>12941</v>
      </c>
      <c r="H19" s="2489">
        <v>12358</v>
      </c>
      <c r="I19" s="2487">
        <v>12401</v>
      </c>
      <c r="J19" s="2487">
        <v>13491</v>
      </c>
      <c r="K19" s="2490">
        <v>15464</v>
      </c>
      <c r="L19" s="2491">
        <v>13166</v>
      </c>
      <c r="M19" s="2492">
        <v>13622</v>
      </c>
      <c r="N19" s="2492">
        <v>13255</v>
      </c>
    </row>
    <row r="20" spans="1:14" ht="15" customHeight="1" x14ac:dyDescent="0.25">
      <c r="A20" s="837" t="s">
        <v>389</v>
      </c>
      <c r="B20" s="2484">
        <v>297071</v>
      </c>
      <c r="C20" s="2485">
        <v>293029</v>
      </c>
      <c r="D20" s="2486">
        <v>278331</v>
      </c>
      <c r="E20" s="2487">
        <v>260869</v>
      </c>
      <c r="F20" s="2487">
        <v>242840</v>
      </c>
      <c r="G20" s="2488">
        <v>230958</v>
      </c>
      <c r="H20" s="2489">
        <v>222617</v>
      </c>
      <c r="I20" s="2487">
        <v>216167</v>
      </c>
      <c r="J20" s="2487">
        <v>215192</v>
      </c>
      <c r="K20" s="2490">
        <v>295017</v>
      </c>
      <c r="L20" s="2491">
        <v>236801</v>
      </c>
      <c r="M20" s="2492">
        <v>253335</v>
      </c>
      <c r="N20" s="2492">
        <v>217243</v>
      </c>
    </row>
    <row r="21" spans="1:14" ht="15" customHeight="1" x14ac:dyDescent="0.25">
      <c r="A21" s="837" t="s">
        <v>390</v>
      </c>
      <c r="B21" s="2484">
        <v>768458</v>
      </c>
      <c r="C21" s="2485">
        <v>760423</v>
      </c>
      <c r="D21" s="2486">
        <v>738289</v>
      </c>
      <c r="E21" s="2487">
        <v>712789</v>
      </c>
      <c r="F21" s="2487">
        <v>685510</v>
      </c>
      <c r="G21" s="2488">
        <v>663322</v>
      </c>
      <c r="H21" s="2489">
        <v>643430</v>
      </c>
      <c r="I21" s="2487">
        <v>622697</v>
      </c>
      <c r="J21" s="2487">
        <v>612117</v>
      </c>
      <c r="K21" s="2490">
        <v>764374</v>
      </c>
      <c r="L21" s="2491">
        <v>674232</v>
      </c>
      <c r="M21" s="2492">
        <v>700096</v>
      </c>
      <c r="N21" s="2492">
        <v>622236</v>
      </c>
    </row>
    <row r="22" spans="1:14" ht="15" customHeight="1" x14ac:dyDescent="0.25">
      <c r="A22" s="837" t="s">
        <v>391</v>
      </c>
      <c r="B22" s="2484">
        <v>5657</v>
      </c>
      <c r="C22" s="2485">
        <v>5504</v>
      </c>
      <c r="D22" s="2486">
        <v>5295</v>
      </c>
      <c r="E22" s="2487">
        <v>5250</v>
      </c>
      <c r="F22" s="2487">
        <v>5425</v>
      </c>
      <c r="G22" s="2488">
        <v>5522</v>
      </c>
      <c r="H22" s="2489">
        <v>5912</v>
      </c>
      <c r="I22" s="2487">
        <v>6356</v>
      </c>
      <c r="J22" s="2487">
        <v>7455</v>
      </c>
      <c r="K22" s="2490">
        <v>5579</v>
      </c>
      <c r="L22" s="2491">
        <v>5474</v>
      </c>
      <c r="M22" s="2492">
        <v>5372</v>
      </c>
      <c r="N22" s="2492">
        <v>6826</v>
      </c>
    </row>
    <row r="23" spans="1:14" ht="15" customHeight="1" x14ac:dyDescent="0.25">
      <c r="A23" s="836" t="s">
        <v>392</v>
      </c>
      <c r="B23" s="2484">
        <v>762801</v>
      </c>
      <c r="C23" s="2485">
        <v>754919</v>
      </c>
      <c r="D23" s="2486">
        <v>732994</v>
      </c>
      <c r="E23" s="2487">
        <v>707539</v>
      </c>
      <c r="F23" s="2487">
        <v>680085</v>
      </c>
      <c r="G23" s="2488">
        <v>657800</v>
      </c>
      <c r="H23" s="2489">
        <v>637518</v>
      </c>
      <c r="I23" s="2487">
        <v>616341</v>
      </c>
      <c r="J23" s="2487">
        <v>604662</v>
      </c>
      <c r="K23" s="2490">
        <v>758795</v>
      </c>
      <c r="L23" s="2491">
        <v>668758</v>
      </c>
      <c r="M23" s="2492">
        <v>694724</v>
      </c>
      <c r="N23" s="2492">
        <v>615410</v>
      </c>
    </row>
    <row r="24" spans="1:14" ht="15" customHeight="1" x14ac:dyDescent="0.25">
      <c r="A24" s="838"/>
      <c r="B24" s="2474"/>
      <c r="C24" s="2475"/>
      <c r="D24" s="2476"/>
      <c r="E24" s="2477"/>
      <c r="F24" s="2477"/>
      <c r="G24" s="2478"/>
      <c r="H24" s="2479"/>
      <c r="I24" s="2477"/>
      <c r="J24" s="2477"/>
      <c r="K24" s="2480"/>
      <c r="L24" s="2481"/>
      <c r="M24" s="2482"/>
      <c r="N24" s="2482"/>
    </row>
    <row r="25" spans="1:14" ht="15" customHeight="1" x14ac:dyDescent="0.25">
      <c r="A25" s="836" t="s">
        <v>393</v>
      </c>
      <c r="B25" s="2484">
        <v>20364</v>
      </c>
      <c r="C25" s="2485">
        <v>20535</v>
      </c>
      <c r="D25" s="2486">
        <v>20428</v>
      </c>
      <c r="E25" s="2487">
        <v>18123</v>
      </c>
      <c r="F25" s="2487">
        <v>20610</v>
      </c>
      <c r="G25" s="2488">
        <v>20567</v>
      </c>
      <c r="H25" s="2489">
        <v>18202</v>
      </c>
      <c r="I25" s="2487">
        <v>16407</v>
      </c>
      <c r="J25" s="2487">
        <v>15293</v>
      </c>
      <c r="K25" s="2490">
        <v>20451</v>
      </c>
      <c r="L25" s="2491">
        <v>20588</v>
      </c>
      <c r="M25" s="2492">
        <v>19926</v>
      </c>
      <c r="N25" s="2492">
        <v>16452</v>
      </c>
    </row>
    <row r="26" spans="1:14" ht="15" customHeight="1" x14ac:dyDescent="0.25">
      <c r="A26" s="839"/>
      <c r="B26" s="2474"/>
      <c r="C26" s="2475"/>
      <c r="D26" s="2476"/>
      <c r="E26" s="2477"/>
      <c r="F26" s="2477"/>
      <c r="G26" s="2478"/>
      <c r="H26" s="2479"/>
      <c r="I26" s="2477"/>
      <c r="J26" s="2477"/>
      <c r="K26" s="2480"/>
      <c r="L26" s="2481"/>
      <c r="M26" s="2482"/>
      <c r="N26" s="2482"/>
    </row>
    <row r="27" spans="1:14" ht="15" customHeight="1" x14ac:dyDescent="0.25">
      <c r="A27" s="836" t="s">
        <v>700</v>
      </c>
      <c r="B27" s="2484">
        <v>1279198</v>
      </c>
      <c r="C27" s="2485">
        <v>1261543</v>
      </c>
      <c r="D27" s="2486">
        <v>1206684</v>
      </c>
      <c r="E27" s="2487">
        <v>1183841</v>
      </c>
      <c r="F27" s="2487">
        <v>1161292</v>
      </c>
      <c r="G27" s="2488">
        <v>1144451</v>
      </c>
      <c r="H27" s="2489">
        <v>1079571</v>
      </c>
      <c r="I27" s="2487">
        <v>1055808</v>
      </c>
      <c r="J27" s="2487">
        <v>1057438</v>
      </c>
      <c r="K27" s="2490">
        <v>1270225</v>
      </c>
      <c r="L27" s="2491">
        <v>1152732</v>
      </c>
      <c r="M27" s="2492">
        <v>1174172</v>
      </c>
      <c r="N27" s="2492">
        <v>1062305</v>
      </c>
    </row>
    <row r="28" spans="1:14" ht="15" customHeight="1" x14ac:dyDescent="0.25">
      <c r="A28" s="836"/>
      <c r="B28" s="2474"/>
      <c r="C28" s="2475"/>
      <c r="D28" s="2476"/>
      <c r="E28" s="2477"/>
      <c r="F28" s="2477"/>
      <c r="G28" s="2478"/>
      <c r="H28" s="2479"/>
      <c r="I28" s="2477"/>
      <c r="J28" s="2477"/>
      <c r="K28" s="2480"/>
      <c r="L28" s="2481"/>
      <c r="M28" s="2482"/>
      <c r="N28" s="2482"/>
    </row>
    <row r="29" spans="1:14" ht="15" customHeight="1" x14ac:dyDescent="0.25">
      <c r="A29" s="836" t="s">
        <v>343</v>
      </c>
      <c r="B29" s="2484">
        <v>45751</v>
      </c>
      <c r="C29" s="2485">
        <v>50431</v>
      </c>
      <c r="D29" s="2486">
        <v>58920</v>
      </c>
      <c r="E29" s="2487">
        <v>47960</v>
      </c>
      <c r="F29" s="2487">
        <v>46033</v>
      </c>
      <c r="G29" s="2488">
        <v>41983</v>
      </c>
      <c r="H29" s="2489">
        <v>43013</v>
      </c>
      <c r="I29" s="2487">
        <v>41714</v>
      </c>
      <c r="J29" s="2487">
        <v>42919</v>
      </c>
      <c r="K29" s="2490">
        <v>48425</v>
      </c>
      <c r="L29" s="2491">
        <v>43719</v>
      </c>
      <c r="M29" s="2492">
        <v>48206</v>
      </c>
      <c r="N29" s="2492">
        <v>43741</v>
      </c>
    </row>
    <row r="30" spans="1:14" ht="15" customHeight="1" x14ac:dyDescent="0.25">
      <c r="A30" s="836" t="s">
        <v>577</v>
      </c>
      <c r="B30" s="2484">
        <v>65510</v>
      </c>
      <c r="C30" s="2485">
        <v>68034</v>
      </c>
      <c r="D30" s="2486">
        <v>67293</v>
      </c>
      <c r="E30" s="2487">
        <v>63364</v>
      </c>
      <c r="F30" s="2487">
        <v>56868</v>
      </c>
      <c r="G30" s="2488">
        <v>52182</v>
      </c>
      <c r="H30" s="2489">
        <v>50123</v>
      </c>
      <c r="I30" s="2487">
        <v>50575</v>
      </c>
      <c r="J30" s="2487">
        <v>50839</v>
      </c>
      <c r="K30" s="2490">
        <v>66952</v>
      </c>
      <c r="L30" s="2491">
        <v>54190</v>
      </c>
      <c r="M30" s="2492">
        <v>59330</v>
      </c>
      <c r="N30" s="2492">
        <v>51167</v>
      </c>
    </row>
    <row r="31" spans="1:14" ht="15" customHeight="1" x14ac:dyDescent="0.25">
      <c r="A31" s="840"/>
      <c r="B31" s="2493"/>
      <c r="C31" s="2494"/>
      <c r="D31" s="2495"/>
      <c r="E31" s="2496"/>
      <c r="F31" s="2496"/>
      <c r="G31" s="2497"/>
      <c r="H31" s="2498"/>
      <c r="I31" s="2496"/>
      <c r="J31" s="2496"/>
      <c r="K31" s="2499"/>
      <c r="L31" s="2500"/>
      <c r="M31" s="2501"/>
      <c r="N31" s="2501"/>
    </row>
    <row r="32" spans="1:14" ht="15" customHeight="1" x14ac:dyDescent="0.25">
      <c r="A32" s="841" t="s">
        <v>578</v>
      </c>
      <c r="B32" s="2502">
        <v>1390459</v>
      </c>
      <c r="C32" s="2503">
        <v>1380008</v>
      </c>
      <c r="D32" s="2504">
        <v>1332897</v>
      </c>
      <c r="E32" s="2505">
        <v>1295165</v>
      </c>
      <c r="F32" s="2505">
        <v>1264193</v>
      </c>
      <c r="G32" s="2506">
        <v>1238616</v>
      </c>
      <c r="H32" s="2507">
        <v>1172707</v>
      </c>
      <c r="I32" s="2505">
        <v>1148097</v>
      </c>
      <c r="J32" s="2505">
        <v>1151196</v>
      </c>
      <c r="K32" s="2508">
        <v>1385602</v>
      </c>
      <c r="L32" s="2509">
        <v>1250641</v>
      </c>
      <c r="M32" s="2510">
        <v>1281708</v>
      </c>
      <c r="N32" s="2510">
        <v>1157213</v>
      </c>
    </row>
    <row r="33" spans="1:14" ht="15" customHeight="1" x14ac:dyDescent="0.25">
      <c r="A33" s="842"/>
      <c r="B33" s="2511"/>
      <c r="C33" s="2512"/>
      <c r="D33" s="2513"/>
      <c r="E33" s="2514"/>
      <c r="F33" s="2514"/>
      <c r="G33" s="2515"/>
      <c r="H33" s="2516"/>
      <c r="I33" s="2514"/>
      <c r="J33" s="2514"/>
      <c r="K33" s="2517"/>
      <c r="L33" s="2518"/>
      <c r="M33" s="2514"/>
      <c r="N33" s="2514"/>
    </row>
    <row r="34" spans="1:14" ht="15" customHeight="1" x14ac:dyDescent="0.25">
      <c r="A34" s="836" t="s">
        <v>394</v>
      </c>
      <c r="B34" s="2484">
        <v>905945</v>
      </c>
      <c r="C34" s="2485">
        <v>889604</v>
      </c>
      <c r="D34" s="2486">
        <v>856797</v>
      </c>
      <c r="E34" s="2487">
        <v>835768</v>
      </c>
      <c r="F34" s="2487">
        <v>817837</v>
      </c>
      <c r="G34" s="2488">
        <v>791597</v>
      </c>
      <c r="H34" s="2489">
        <v>754147</v>
      </c>
      <c r="I34" s="2487">
        <v>738451</v>
      </c>
      <c r="J34" s="2487">
        <v>724460</v>
      </c>
      <c r="K34" s="2490">
        <v>897639</v>
      </c>
      <c r="L34" s="2491">
        <v>804500</v>
      </c>
      <c r="M34" s="2492">
        <v>825563</v>
      </c>
      <c r="N34" s="2492">
        <v>735114</v>
      </c>
    </row>
    <row r="35" spans="1:14" ht="15" customHeight="1" x14ac:dyDescent="0.25">
      <c r="A35" s="836" t="s">
        <v>395</v>
      </c>
      <c r="B35" s="2484">
        <v>55881</v>
      </c>
      <c r="C35" s="2485">
        <v>55143</v>
      </c>
      <c r="D35" s="2486">
        <v>56205</v>
      </c>
      <c r="E35" s="2487">
        <v>56246</v>
      </c>
      <c r="F35" s="2487">
        <v>49152</v>
      </c>
      <c r="G35" s="2488">
        <v>45335</v>
      </c>
      <c r="H35" s="2489">
        <v>43336</v>
      </c>
      <c r="I35" s="2487">
        <v>45363</v>
      </c>
      <c r="J35" s="2487">
        <v>43724</v>
      </c>
      <c r="K35" s="2490">
        <v>55506</v>
      </c>
      <c r="L35" s="2491">
        <v>47212</v>
      </c>
      <c r="M35" s="2492">
        <v>51756</v>
      </c>
      <c r="N35" s="2492">
        <v>44389</v>
      </c>
    </row>
    <row r="36" spans="1:14" ht="15" customHeight="1" x14ac:dyDescent="0.25">
      <c r="A36" s="836" t="s">
        <v>270</v>
      </c>
      <c r="B36" s="2484">
        <v>24168</v>
      </c>
      <c r="C36" s="2485">
        <v>23510</v>
      </c>
      <c r="D36" s="2486">
        <v>22947</v>
      </c>
      <c r="E36" s="2487">
        <v>21878</v>
      </c>
      <c r="F36" s="2487">
        <v>23006</v>
      </c>
      <c r="G36" s="2488">
        <v>23181</v>
      </c>
      <c r="H36" s="2489">
        <v>22575</v>
      </c>
      <c r="I36" s="2487">
        <v>21476</v>
      </c>
      <c r="J36" s="2487">
        <v>20711</v>
      </c>
      <c r="K36" s="2490">
        <v>23834</v>
      </c>
      <c r="L36" s="2491">
        <v>23095</v>
      </c>
      <c r="M36" s="2492">
        <v>22751</v>
      </c>
      <c r="N36" s="2492">
        <v>21111</v>
      </c>
    </row>
    <row r="37" spans="1:14" ht="15" customHeight="1" x14ac:dyDescent="0.25">
      <c r="A37" s="836"/>
      <c r="B37" s="2484">
        <v>985994</v>
      </c>
      <c r="C37" s="2485">
        <v>968257</v>
      </c>
      <c r="D37" s="2486">
        <v>935949</v>
      </c>
      <c r="E37" s="2487">
        <v>913892</v>
      </c>
      <c r="F37" s="2487">
        <v>889995</v>
      </c>
      <c r="G37" s="2488">
        <v>860113</v>
      </c>
      <c r="H37" s="2489">
        <v>820058</v>
      </c>
      <c r="I37" s="2487">
        <v>805290</v>
      </c>
      <c r="J37" s="2487">
        <v>788895</v>
      </c>
      <c r="K37" s="2490">
        <v>976979</v>
      </c>
      <c r="L37" s="2491">
        <v>874807</v>
      </c>
      <c r="M37" s="2492">
        <v>900070</v>
      </c>
      <c r="N37" s="2492">
        <v>800614</v>
      </c>
    </row>
    <row r="38" spans="1:14" ht="15" customHeight="1" x14ac:dyDescent="0.25">
      <c r="A38" s="836"/>
      <c r="B38" s="2474"/>
      <c r="C38" s="2475"/>
      <c r="D38" s="2476"/>
      <c r="E38" s="2477"/>
      <c r="F38" s="2477"/>
      <c r="G38" s="2478"/>
      <c r="H38" s="2479"/>
      <c r="I38" s="2477"/>
      <c r="J38" s="2477"/>
      <c r="K38" s="2480"/>
      <c r="L38" s="2481"/>
      <c r="M38" s="2482"/>
      <c r="N38" s="2482"/>
    </row>
    <row r="39" spans="1:14" ht="15" customHeight="1" x14ac:dyDescent="0.25">
      <c r="A39" s="836" t="s">
        <v>396</v>
      </c>
      <c r="B39" s="2484">
        <v>43784</v>
      </c>
      <c r="C39" s="2485">
        <v>44986</v>
      </c>
      <c r="D39" s="2486">
        <v>45466</v>
      </c>
      <c r="E39" s="2487">
        <v>46859</v>
      </c>
      <c r="F39" s="2487">
        <v>47241</v>
      </c>
      <c r="G39" s="2488">
        <v>48386</v>
      </c>
      <c r="H39" s="2489">
        <v>44224</v>
      </c>
      <c r="I39" s="2487">
        <v>44902</v>
      </c>
      <c r="J39" s="2487">
        <v>44758</v>
      </c>
      <c r="K39" s="2490">
        <v>44395</v>
      </c>
      <c r="L39" s="2491">
        <v>47823</v>
      </c>
      <c r="M39" s="2492">
        <v>46986</v>
      </c>
      <c r="N39" s="2492">
        <v>43605</v>
      </c>
    </row>
    <row r="40" spans="1:14" ht="15" customHeight="1" x14ac:dyDescent="0.25">
      <c r="A40" s="836"/>
      <c r="B40" s="2474"/>
      <c r="C40" s="2475"/>
      <c r="D40" s="2476"/>
      <c r="E40" s="2477"/>
      <c r="F40" s="2477"/>
      <c r="G40" s="2478"/>
      <c r="H40" s="2479"/>
      <c r="I40" s="2477"/>
      <c r="J40" s="2477"/>
      <c r="K40" s="2480"/>
      <c r="L40" s="2481"/>
      <c r="M40" s="2482"/>
      <c r="N40" s="2482"/>
    </row>
    <row r="41" spans="1:14" ht="15" customHeight="1" x14ac:dyDescent="0.25">
      <c r="A41" s="836" t="s">
        <v>397</v>
      </c>
      <c r="B41" s="2474"/>
      <c r="C41" s="2475"/>
      <c r="D41" s="2476"/>
      <c r="E41" s="2477"/>
      <c r="F41" s="2477"/>
      <c r="G41" s="2478"/>
      <c r="H41" s="2479"/>
      <c r="I41" s="2477"/>
      <c r="J41" s="2477"/>
      <c r="K41" s="2480"/>
      <c r="L41" s="2481"/>
      <c r="M41" s="2482"/>
      <c r="N41" s="2482"/>
    </row>
    <row r="42" spans="1:14" ht="15" customHeight="1" x14ac:dyDescent="0.25">
      <c r="A42" s="838" t="s">
        <v>827</v>
      </c>
      <c r="B42" s="2484">
        <v>133317</v>
      </c>
      <c r="C42" s="2485">
        <v>136117</v>
      </c>
      <c r="D42" s="2486">
        <v>118184</v>
      </c>
      <c r="E42" s="2487">
        <v>117780</v>
      </c>
      <c r="F42" s="2487">
        <v>112935</v>
      </c>
      <c r="G42" s="2488">
        <v>121478</v>
      </c>
      <c r="H42" s="2489">
        <v>109038</v>
      </c>
      <c r="I42" s="2487">
        <v>107753</v>
      </c>
      <c r="J42" s="2487">
        <v>124439</v>
      </c>
      <c r="K42" s="2490">
        <v>134740</v>
      </c>
      <c r="L42" s="2491">
        <v>117277</v>
      </c>
      <c r="M42" s="2492">
        <v>117633</v>
      </c>
      <c r="N42" s="2492">
        <v>116526</v>
      </c>
    </row>
    <row r="43" spans="1:14" ht="15" customHeight="1" x14ac:dyDescent="0.25">
      <c r="A43" s="836"/>
      <c r="B43" s="2474"/>
      <c r="C43" s="2475"/>
      <c r="D43" s="2476"/>
      <c r="E43" s="2477"/>
      <c r="F43" s="2477"/>
      <c r="G43" s="2478"/>
      <c r="H43" s="2479"/>
      <c r="I43" s="2477"/>
      <c r="J43" s="2477"/>
      <c r="K43" s="2480"/>
      <c r="L43" s="2481"/>
      <c r="M43" s="2482"/>
      <c r="N43" s="2482"/>
    </row>
    <row r="44" spans="1:14" ht="15" customHeight="1" x14ac:dyDescent="0.25">
      <c r="A44" s="836" t="s">
        <v>300</v>
      </c>
      <c r="B44" s="2484">
        <v>9091</v>
      </c>
      <c r="C44" s="2485">
        <v>8907</v>
      </c>
      <c r="D44" s="2486">
        <v>8729</v>
      </c>
      <c r="E44" s="2487">
        <v>8623</v>
      </c>
      <c r="F44" s="2487">
        <v>7187</v>
      </c>
      <c r="G44" s="2488">
        <v>6500</v>
      </c>
      <c r="H44" s="2489">
        <v>6491</v>
      </c>
      <c r="I44" s="2487">
        <v>6459</v>
      </c>
      <c r="J44" s="2487">
        <v>6502</v>
      </c>
      <c r="K44" s="2490">
        <v>8997</v>
      </c>
      <c r="L44" s="2491">
        <v>6838</v>
      </c>
      <c r="M44" s="2492">
        <v>7764</v>
      </c>
      <c r="N44" s="2492">
        <v>6574</v>
      </c>
    </row>
    <row r="45" spans="1:14" ht="15" customHeight="1" x14ac:dyDescent="0.25">
      <c r="A45" s="836"/>
      <c r="B45" s="2474"/>
      <c r="C45" s="2475"/>
      <c r="D45" s="2476"/>
      <c r="E45" s="2477"/>
      <c r="F45" s="2477"/>
      <c r="G45" s="2478"/>
      <c r="H45" s="2479"/>
      <c r="I45" s="2477"/>
      <c r="J45" s="2477"/>
      <c r="K45" s="2480"/>
      <c r="L45" s="2481"/>
      <c r="M45" s="2482"/>
      <c r="N45" s="2482"/>
    </row>
    <row r="46" spans="1:14" ht="15" customHeight="1" x14ac:dyDescent="0.25">
      <c r="A46" s="836" t="s">
        <v>582</v>
      </c>
      <c r="B46" s="2484">
        <v>141010</v>
      </c>
      <c r="C46" s="2485">
        <v>146479</v>
      </c>
      <c r="D46" s="2486">
        <v>150533</v>
      </c>
      <c r="E46" s="2487">
        <v>134484</v>
      </c>
      <c r="F46" s="2487">
        <v>134226</v>
      </c>
      <c r="G46" s="2488">
        <v>128635</v>
      </c>
      <c r="H46" s="2489">
        <v>119058</v>
      </c>
      <c r="I46" s="2487">
        <v>111636</v>
      </c>
      <c r="J46" s="2487">
        <v>115860</v>
      </c>
      <c r="K46" s="2490">
        <v>144062</v>
      </c>
      <c r="L46" s="2491">
        <v>131061</v>
      </c>
      <c r="M46" s="2492">
        <v>135887</v>
      </c>
      <c r="N46" s="2492">
        <v>118026</v>
      </c>
    </row>
    <row r="47" spans="1:14" ht="15" customHeight="1" x14ac:dyDescent="0.25">
      <c r="A47" s="839"/>
      <c r="B47" s="2519"/>
      <c r="C47" s="2520"/>
      <c r="D47" s="2521"/>
      <c r="E47" s="2522"/>
      <c r="F47" s="2522"/>
      <c r="G47" s="2523"/>
      <c r="H47" s="2524"/>
      <c r="I47" s="2522"/>
      <c r="J47" s="2522"/>
      <c r="K47" s="2480"/>
      <c r="L47" s="2481"/>
      <c r="M47" s="2482"/>
      <c r="N47" s="2482"/>
    </row>
    <row r="48" spans="1:14" ht="15" customHeight="1" x14ac:dyDescent="0.25">
      <c r="A48" s="843" t="s">
        <v>369</v>
      </c>
      <c r="B48" s="2525"/>
      <c r="C48" s="2526"/>
      <c r="D48" s="2527"/>
      <c r="E48" s="2528"/>
      <c r="F48" s="2528"/>
      <c r="G48" s="2529"/>
      <c r="H48" s="2530"/>
      <c r="I48" s="2528"/>
      <c r="J48" s="2528"/>
      <c r="K48" s="2531"/>
      <c r="L48" s="2532"/>
      <c r="M48" s="2528"/>
      <c r="N48" s="2528"/>
    </row>
    <row r="49" spans="1:14" ht="15" customHeight="1" x14ac:dyDescent="0.25">
      <c r="A49" s="844" t="s">
        <v>399</v>
      </c>
      <c r="B49" s="2525"/>
      <c r="C49" s="2526"/>
      <c r="D49" s="2527"/>
      <c r="E49" s="2528"/>
      <c r="F49" s="2528"/>
      <c r="G49" s="2529"/>
      <c r="H49" s="2530"/>
      <c r="I49" s="2528"/>
      <c r="J49" s="2528"/>
      <c r="K49" s="2531"/>
      <c r="L49" s="2532"/>
      <c r="M49" s="2528"/>
      <c r="N49" s="2528"/>
    </row>
    <row r="50" spans="1:14" ht="15" customHeight="1" x14ac:dyDescent="0.25">
      <c r="A50" s="845" t="s">
        <v>400</v>
      </c>
      <c r="B50" s="2484">
        <v>67594</v>
      </c>
      <c r="C50" s="2485">
        <v>65631</v>
      </c>
      <c r="D50" s="2486">
        <v>65096</v>
      </c>
      <c r="E50" s="2487">
        <v>64938</v>
      </c>
      <c r="F50" s="2487">
        <v>65503</v>
      </c>
      <c r="G50" s="2488">
        <v>65461</v>
      </c>
      <c r="H50" s="2489">
        <v>64735</v>
      </c>
      <c r="I50" s="2487">
        <v>64089</v>
      </c>
      <c r="J50" s="2487">
        <v>63424</v>
      </c>
      <c r="K50" s="2490">
        <v>66780</v>
      </c>
      <c r="L50" s="2533">
        <v>65252</v>
      </c>
      <c r="M50" s="2492">
        <v>65190</v>
      </c>
      <c r="N50" s="2492">
        <v>63827</v>
      </c>
    </row>
    <row r="51" spans="1:14" ht="15" customHeight="1" x14ac:dyDescent="0.25">
      <c r="A51" s="837" t="s">
        <v>401</v>
      </c>
      <c r="B51" s="2484">
        <v>8075</v>
      </c>
      <c r="C51" s="2485">
        <v>8075</v>
      </c>
      <c r="D51" s="2486">
        <v>7397</v>
      </c>
      <c r="E51" s="2487">
        <v>7025</v>
      </c>
      <c r="F51" s="2487">
        <v>5552</v>
      </c>
      <c r="G51" s="2488">
        <v>5883</v>
      </c>
      <c r="H51" s="2489">
        <v>6966</v>
      </c>
      <c r="I51" s="2487">
        <v>5807</v>
      </c>
      <c r="J51" s="2487">
        <v>4884</v>
      </c>
      <c r="K51" s="2490">
        <v>8075</v>
      </c>
      <c r="L51" s="2491">
        <v>5720</v>
      </c>
      <c r="M51" s="2492">
        <v>6472</v>
      </c>
      <c r="N51" s="2492">
        <v>5748</v>
      </c>
    </row>
    <row r="52" spans="1:14" ht="15" customHeight="1" x14ac:dyDescent="0.25">
      <c r="A52" s="837" t="s">
        <v>402</v>
      </c>
      <c r="B52" s="2484">
        <v>1594</v>
      </c>
      <c r="C52" s="2485">
        <v>1556</v>
      </c>
      <c r="D52" s="2486">
        <v>1543</v>
      </c>
      <c r="E52" s="2487">
        <v>1564</v>
      </c>
      <c r="F52" s="2487">
        <v>1554</v>
      </c>
      <c r="G52" s="2488">
        <v>2160</v>
      </c>
      <c r="H52" s="2489">
        <v>2137</v>
      </c>
      <c r="I52" s="2487">
        <v>2161</v>
      </c>
      <c r="J52" s="2487">
        <v>2434</v>
      </c>
      <c r="K52" s="2490">
        <v>1574</v>
      </c>
      <c r="L52" s="2533">
        <v>1863</v>
      </c>
      <c r="M52" s="2492">
        <v>1706</v>
      </c>
      <c r="N52" s="2492">
        <v>2293</v>
      </c>
    </row>
    <row r="53" spans="1:14" ht="15" customHeight="1" x14ac:dyDescent="0.25">
      <c r="A53" s="837" t="s">
        <v>403</v>
      </c>
      <c r="B53" s="2484">
        <v>77263</v>
      </c>
      <c r="C53" s="2485">
        <v>75262</v>
      </c>
      <c r="D53" s="2486">
        <v>74036</v>
      </c>
      <c r="E53" s="2487">
        <v>73527</v>
      </c>
      <c r="F53" s="2487">
        <v>72609</v>
      </c>
      <c r="G53" s="2488">
        <v>73504</v>
      </c>
      <c r="H53" s="2489">
        <v>73838</v>
      </c>
      <c r="I53" s="2487">
        <v>72057</v>
      </c>
      <c r="J53" s="2487">
        <v>70742</v>
      </c>
      <c r="K53" s="2490">
        <v>76429</v>
      </c>
      <c r="L53" s="2533">
        <v>72835</v>
      </c>
      <c r="M53" s="2492">
        <v>73368</v>
      </c>
      <c r="N53" s="2492">
        <v>71868</v>
      </c>
    </row>
    <row r="54" spans="1:14" ht="15" customHeight="1" x14ac:dyDescent="0.35">
      <c r="A54" s="846"/>
      <c r="B54" s="2534"/>
      <c r="C54" s="2535"/>
      <c r="D54" s="2536"/>
      <c r="E54" s="2537"/>
      <c r="F54" s="2537"/>
      <c r="G54" s="2538"/>
      <c r="H54" s="2539"/>
      <c r="I54" s="2537"/>
      <c r="J54" s="2537"/>
      <c r="K54" s="2540"/>
      <c r="L54" s="2541"/>
      <c r="M54" s="2542"/>
      <c r="N54" s="2542"/>
    </row>
    <row r="55" spans="1:14" ht="15" customHeight="1" x14ac:dyDescent="0.25">
      <c r="A55" s="847" t="s">
        <v>380</v>
      </c>
      <c r="B55" s="2543">
        <v>1390459</v>
      </c>
      <c r="C55" s="2544">
        <v>1380008</v>
      </c>
      <c r="D55" s="2545">
        <v>1332897</v>
      </c>
      <c r="E55" s="2546">
        <v>1295165</v>
      </c>
      <c r="F55" s="2546">
        <v>1264193</v>
      </c>
      <c r="G55" s="2547">
        <v>1238616</v>
      </c>
      <c r="H55" s="2548">
        <v>1172707</v>
      </c>
      <c r="I55" s="2546">
        <v>1148097</v>
      </c>
      <c r="J55" s="2546">
        <v>1151196</v>
      </c>
      <c r="K55" s="2549">
        <v>1385602</v>
      </c>
      <c r="L55" s="2550">
        <v>1250641</v>
      </c>
      <c r="M55" s="2551">
        <v>1281708</v>
      </c>
      <c r="N55" s="2551">
        <v>1157213</v>
      </c>
    </row>
    <row r="56" spans="1:14" ht="15" customHeight="1" x14ac:dyDescent="0.25">
      <c r="A56" s="848"/>
      <c r="B56" s="849"/>
      <c r="C56" s="849"/>
      <c r="D56" s="849"/>
      <c r="E56" s="849"/>
      <c r="F56" s="849"/>
      <c r="G56" s="849"/>
      <c r="H56" s="849"/>
      <c r="I56" s="849"/>
      <c r="J56" s="849"/>
      <c r="K56" s="850"/>
      <c r="L56" s="850"/>
      <c r="M56" s="850"/>
      <c r="N56" s="850"/>
    </row>
    <row r="57" spans="1:14" ht="15" customHeight="1" x14ac:dyDescent="0.25">
      <c r="A57" s="3252" t="s">
        <v>828</v>
      </c>
      <c r="B57" s="3252" t="s">
        <v>38</v>
      </c>
      <c r="C57" s="3252" t="s">
        <v>38</v>
      </c>
      <c r="D57" s="3252" t="s">
        <v>38</v>
      </c>
      <c r="E57" s="3252" t="s">
        <v>38</v>
      </c>
      <c r="F57" s="3252" t="s">
        <v>38</v>
      </c>
      <c r="G57" s="3252" t="s">
        <v>38</v>
      </c>
      <c r="H57" s="3252" t="s">
        <v>38</v>
      </c>
      <c r="I57" s="3252" t="s">
        <v>38</v>
      </c>
      <c r="J57" s="3252" t="s">
        <v>38</v>
      </c>
      <c r="K57" s="3252" t="s">
        <v>38</v>
      </c>
      <c r="L57" s="3252" t="s">
        <v>38</v>
      </c>
      <c r="M57" s="3252" t="s">
        <v>38</v>
      </c>
      <c r="N57" s="3252" t="s">
        <v>38</v>
      </c>
    </row>
    <row r="58" spans="1:14" ht="8.15" customHeight="1" x14ac:dyDescent="0.25">
      <c r="A58" s="3253"/>
      <c r="B58" s="3253" t="s">
        <v>38</v>
      </c>
      <c r="C58" s="3253" t="s">
        <v>38</v>
      </c>
      <c r="D58" s="3253" t="s">
        <v>38</v>
      </c>
      <c r="E58" s="3253" t="s">
        <v>38</v>
      </c>
      <c r="F58" s="3253" t="s">
        <v>38</v>
      </c>
      <c r="G58" s="3253" t="s">
        <v>38</v>
      </c>
      <c r="H58" s="3253" t="s">
        <v>38</v>
      </c>
      <c r="I58" s="3253" t="s">
        <v>38</v>
      </c>
      <c r="J58" s="3253" t="s">
        <v>38</v>
      </c>
      <c r="K58" s="3253" t="s">
        <v>38</v>
      </c>
      <c r="L58" s="3253" t="s">
        <v>38</v>
      </c>
      <c r="M58" s="3253" t="s">
        <v>38</v>
      </c>
      <c r="N58" s="3253" t="s">
        <v>38</v>
      </c>
    </row>
    <row r="59" spans="1:14" ht="10.4" customHeight="1" x14ac:dyDescent="0.25">
      <c r="A59" s="851"/>
      <c r="B59" s="852"/>
      <c r="C59" s="852"/>
      <c r="D59" s="852"/>
      <c r="E59" s="852"/>
      <c r="F59" s="852"/>
      <c r="G59" s="852"/>
      <c r="H59" s="852"/>
      <c r="I59" s="852"/>
      <c r="J59" s="852"/>
      <c r="K59" s="853"/>
      <c r="L59" s="853"/>
      <c r="M59" s="853"/>
      <c r="N59" s="853"/>
    </row>
  </sheetData>
  <mergeCells count="8">
    <mergeCell ref="A57:N57"/>
    <mergeCell ref="A58:N58"/>
    <mergeCell ref="A2:N2"/>
    <mergeCell ref="B3:C3"/>
    <mergeCell ref="D3:G3"/>
    <mergeCell ref="H3:J3"/>
    <mergeCell ref="K3:L3"/>
    <mergeCell ref="M3:N3"/>
  </mergeCells>
  <hyperlinks>
    <hyperlink ref="A1" location="TDM!A1" display="Retour à la table des matières" xr:uid="{00000000-0004-0000-1400-000000000000}"/>
  </hyperlinks>
  <printOptions horizontalCentered="1"/>
  <pageMargins left="0.51181102362204722" right="0.51181102362204722" top="0.51181102362204722" bottom="0.51181102362204722" header="0.23622047244094491" footer="0.23622047244094491"/>
  <pageSetup scale="53" orientation="landscape" r:id="rId1"/>
  <headerFooter>
    <oddFooter>&amp;L&amp;G&amp;C&amp;"Scotia,Regular"&amp;9Informations financières supplémentaires (IFS)&amp;R&amp;"Scotia,Regular"&amp;9&amp;A</oddFooter>
  </headerFooter>
  <legacyDrawingHF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DC1115F-A9F3-4C38-9B39-B3D06CB9ABC3}">
  <sheetPr>
    <pageSetUpPr fitToPage="1"/>
  </sheetPr>
  <dimension ref="A1:N44"/>
  <sheetViews>
    <sheetView showGridLines="0" zoomScaleNormal="100" workbookViewId="0"/>
  </sheetViews>
  <sheetFormatPr defaultColWidth="8.7265625" defaultRowHeight="12.5" x14ac:dyDescent="0.25"/>
  <cols>
    <col min="1" max="1" width="96.26953125" style="25" customWidth="1"/>
    <col min="2" max="14" width="11.7265625" style="25" customWidth="1"/>
    <col min="15" max="16384" width="8.7265625" style="25"/>
  </cols>
  <sheetData>
    <row r="1" spans="1:14" ht="20.149999999999999" customHeight="1" x14ac:dyDescent="0.25">
      <c r="A1" s="24" t="s">
        <v>37</v>
      </c>
    </row>
    <row r="2" spans="1:14" ht="25" customHeight="1" x14ac:dyDescent="0.25">
      <c r="A2" s="3240" t="s">
        <v>29</v>
      </c>
      <c r="B2" s="3240" t="s">
        <v>38</v>
      </c>
      <c r="C2" s="3240" t="s">
        <v>38</v>
      </c>
      <c r="D2" s="3240" t="s">
        <v>38</v>
      </c>
      <c r="E2" s="3240" t="s">
        <v>38</v>
      </c>
      <c r="F2" s="3240" t="s">
        <v>38</v>
      </c>
      <c r="G2" s="3240" t="s">
        <v>38</v>
      </c>
      <c r="H2" s="3240" t="s">
        <v>38</v>
      </c>
      <c r="I2" s="3240" t="s">
        <v>38</v>
      </c>
      <c r="J2" s="3240" t="s">
        <v>38</v>
      </c>
      <c r="K2" s="3240" t="s">
        <v>38</v>
      </c>
      <c r="L2" s="3240" t="s">
        <v>38</v>
      </c>
      <c r="M2" s="3240" t="s">
        <v>38</v>
      </c>
      <c r="N2" s="3240" t="s">
        <v>38</v>
      </c>
    </row>
    <row r="3" spans="1:14" ht="20.149999999999999" customHeight="1" x14ac:dyDescent="0.25">
      <c r="A3" s="854"/>
      <c r="B3" s="3263" t="s">
        <v>174</v>
      </c>
      <c r="C3" s="3264" t="s">
        <v>38</v>
      </c>
      <c r="D3" s="3265" t="s">
        <v>240</v>
      </c>
      <c r="E3" s="3266" t="s">
        <v>38</v>
      </c>
      <c r="F3" s="3266" t="s">
        <v>38</v>
      </c>
      <c r="G3" s="3267" t="s">
        <v>38</v>
      </c>
      <c r="H3" s="3265" t="s">
        <v>241</v>
      </c>
      <c r="I3" s="3266" t="s">
        <v>38</v>
      </c>
      <c r="J3" s="3266" t="s">
        <v>38</v>
      </c>
      <c r="K3" s="3268" t="s">
        <v>716</v>
      </c>
      <c r="L3" s="3269" t="s">
        <v>38</v>
      </c>
      <c r="M3" s="3266" t="s">
        <v>717</v>
      </c>
      <c r="N3" s="3266" t="s">
        <v>38</v>
      </c>
    </row>
    <row r="4" spans="1:14" ht="20.149999999999999" customHeight="1" x14ac:dyDescent="0.25">
      <c r="A4" s="855" t="s">
        <v>69</v>
      </c>
      <c r="B4" s="856" t="s">
        <v>49</v>
      </c>
      <c r="C4" s="857" t="s">
        <v>45</v>
      </c>
      <c r="D4" s="858" t="s">
        <v>569</v>
      </c>
      <c r="E4" s="859" t="s">
        <v>570</v>
      </c>
      <c r="F4" s="859" t="s">
        <v>49</v>
      </c>
      <c r="G4" s="860" t="s">
        <v>45</v>
      </c>
      <c r="H4" s="861" t="s">
        <v>569</v>
      </c>
      <c r="I4" s="862" t="s">
        <v>570</v>
      </c>
      <c r="J4" s="862" t="s">
        <v>49</v>
      </c>
      <c r="K4" s="863" t="s">
        <v>179</v>
      </c>
      <c r="L4" s="864" t="s">
        <v>240</v>
      </c>
      <c r="M4" s="862" t="s">
        <v>240</v>
      </c>
      <c r="N4" s="859" t="s">
        <v>241</v>
      </c>
    </row>
    <row r="5" spans="1:14" ht="20.149999999999999" customHeight="1" x14ac:dyDescent="0.25">
      <c r="A5" s="865" t="s">
        <v>371</v>
      </c>
      <c r="B5" s="866"/>
      <c r="C5" s="768"/>
      <c r="D5" s="867"/>
      <c r="E5" s="868"/>
      <c r="F5" s="866"/>
      <c r="G5" s="869"/>
      <c r="H5" s="870"/>
      <c r="I5" s="871"/>
      <c r="J5" s="871"/>
      <c r="K5" s="870"/>
      <c r="L5" s="872"/>
      <c r="M5" s="871"/>
      <c r="N5" s="871"/>
    </row>
    <row r="6" spans="1:14" ht="20.149999999999999" customHeight="1" x14ac:dyDescent="0.25">
      <c r="A6" s="873" t="s">
        <v>407</v>
      </c>
      <c r="B6" s="874">
        <v>18732</v>
      </c>
      <c r="C6" s="875">
        <v>18707</v>
      </c>
      <c r="D6" s="876">
        <v>18728</v>
      </c>
      <c r="E6" s="877">
        <v>18799</v>
      </c>
      <c r="F6" s="877">
        <v>18421</v>
      </c>
      <c r="G6" s="878">
        <v>18507</v>
      </c>
      <c r="H6" s="879">
        <v>18493</v>
      </c>
      <c r="I6" s="880">
        <v>18377</v>
      </c>
      <c r="J6" s="880">
        <v>18297</v>
      </c>
      <c r="K6" s="881">
        <v>18707</v>
      </c>
      <c r="L6" s="882">
        <v>18507</v>
      </c>
      <c r="M6" s="880">
        <v>18507</v>
      </c>
      <c r="N6" s="880">
        <v>18239</v>
      </c>
    </row>
    <row r="7" spans="1:14" ht="20.149999999999999" customHeight="1" x14ac:dyDescent="0.25">
      <c r="A7" s="873" t="s">
        <v>408</v>
      </c>
      <c r="B7" s="874">
        <v>428</v>
      </c>
      <c r="C7" s="875">
        <v>25</v>
      </c>
      <c r="D7" s="876">
        <v>-21</v>
      </c>
      <c r="E7" s="877">
        <v>-71</v>
      </c>
      <c r="F7" s="877">
        <v>378</v>
      </c>
      <c r="G7" s="878">
        <v>-86</v>
      </c>
      <c r="H7" s="879">
        <v>14</v>
      </c>
      <c r="I7" s="880">
        <v>116</v>
      </c>
      <c r="J7" s="880">
        <v>80</v>
      </c>
      <c r="K7" s="881">
        <v>453</v>
      </c>
      <c r="L7" s="882">
        <v>292</v>
      </c>
      <c r="M7" s="880">
        <v>200</v>
      </c>
      <c r="N7" s="880">
        <v>268</v>
      </c>
    </row>
    <row r="8" spans="1:14" ht="20.149999999999999" customHeight="1" x14ac:dyDescent="0.25">
      <c r="A8" s="883" t="s">
        <v>406</v>
      </c>
      <c r="B8" s="874">
        <v>19160</v>
      </c>
      <c r="C8" s="884">
        <v>18732</v>
      </c>
      <c r="D8" s="876">
        <v>18707</v>
      </c>
      <c r="E8" s="877">
        <v>18728</v>
      </c>
      <c r="F8" s="877">
        <v>18799</v>
      </c>
      <c r="G8" s="885">
        <v>18421</v>
      </c>
      <c r="H8" s="879">
        <v>18507</v>
      </c>
      <c r="I8" s="880">
        <v>18493</v>
      </c>
      <c r="J8" s="880">
        <v>18377</v>
      </c>
      <c r="K8" s="886">
        <v>19160</v>
      </c>
      <c r="L8" s="887">
        <v>18799</v>
      </c>
      <c r="M8" s="877">
        <v>18707</v>
      </c>
      <c r="N8" s="877">
        <v>18507</v>
      </c>
    </row>
    <row r="9" spans="1:14" ht="20.149999999999999" customHeight="1" x14ac:dyDescent="0.25">
      <c r="A9" s="883"/>
      <c r="B9" s="874"/>
      <c r="C9" s="884"/>
      <c r="D9" s="888"/>
      <c r="E9" s="877"/>
      <c r="F9" s="877"/>
      <c r="G9" s="885"/>
      <c r="H9" s="879"/>
      <c r="I9" s="880"/>
      <c r="J9" s="880"/>
      <c r="K9" s="886"/>
      <c r="L9" s="887"/>
      <c r="M9" s="877"/>
      <c r="N9" s="877"/>
    </row>
    <row r="10" spans="1:14" ht="20.149999999999999" customHeight="1" x14ac:dyDescent="0.25">
      <c r="A10" s="889" t="s">
        <v>372</v>
      </c>
      <c r="B10" s="874"/>
      <c r="C10" s="875"/>
      <c r="D10" s="888"/>
      <c r="E10" s="877"/>
      <c r="F10" s="877"/>
      <c r="G10" s="878"/>
      <c r="H10" s="879"/>
      <c r="I10" s="880"/>
      <c r="J10" s="880"/>
      <c r="K10" s="881"/>
      <c r="L10" s="882"/>
      <c r="M10" s="880"/>
      <c r="N10" s="880"/>
    </row>
    <row r="11" spans="1:14" ht="20.149999999999999" customHeight="1" x14ac:dyDescent="0.25">
      <c r="A11" s="873" t="s">
        <v>410</v>
      </c>
      <c r="B11" s="874">
        <v>54165</v>
      </c>
      <c r="C11" s="875">
        <v>53761</v>
      </c>
      <c r="D11" s="876">
        <v>53151</v>
      </c>
      <c r="E11" s="877">
        <v>52209</v>
      </c>
      <c r="F11" s="877">
        <v>51848</v>
      </c>
      <c r="G11" s="878">
        <v>51354</v>
      </c>
      <c r="H11" s="879">
        <v>50044</v>
      </c>
      <c r="I11" s="880">
        <v>48713</v>
      </c>
      <c r="J11" s="880">
        <v>47519</v>
      </c>
      <c r="K11" s="881">
        <v>53761</v>
      </c>
      <c r="L11" s="882">
        <v>51354</v>
      </c>
      <c r="M11" s="880">
        <v>51354</v>
      </c>
      <c r="N11" s="880">
        <v>46345</v>
      </c>
    </row>
    <row r="12" spans="1:14" ht="20.149999999999999" customHeight="1" x14ac:dyDescent="0.25">
      <c r="A12" s="873" t="s">
        <v>412</v>
      </c>
      <c r="B12" s="874">
        <v>2029</v>
      </c>
      <c r="C12" s="875">
        <v>1631</v>
      </c>
      <c r="D12" s="876">
        <v>1949</v>
      </c>
      <c r="E12" s="877">
        <v>2504</v>
      </c>
      <c r="F12" s="877">
        <v>2595</v>
      </c>
      <c r="G12" s="878">
        <v>2608</v>
      </c>
      <c r="H12" s="879">
        <v>2411</v>
      </c>
      <c r="I12" s="880">
        <v>2426</v>
      </c>
      <c r="J12" s="880">
        <v>2289</v>
      </c>
      <c r="K12" s="881">
        <v>3660</v>
      </c>
      <c r="L12" s="890">
        <v>5203</v>
      </c>
      <c r="M12" s="880">
        <v>9656</v>
      </c>
      <c r="N12" s="880">
        <v>9391</v>
      </c>
    </row>
    <row r="13" spans="1:14" ht="20.149999999999999" customHeight="1" x14ac:dyDescent="0.25">
      <c r="A13" s="873" t="s">
        <v>413</v>
      </c>
      <c r="B13" s="874">
        <v>-1227</v>
      </c>
      <c r="C13" s="875">
        <v>-1228</v>
      </c>
      <c r="D13" s="876">
        <v>-1227</v>
      </c>
      <c r="E13" s="877">
        <v>-1229</v>
      </c>
      <c r="F13" s="877">
        <v>-1195</v>
      </c>
      <c r="G13" s="878">
        <v>-1207</v>
      </c>
      <c r="H13" s="879">
        <v>-1095</v>
      </c>
      <c r="I13" s="880">
        <v>-1093</v>
      </c>
      <c r="J13" s="880">
        <v>-1092</v>
      </c>
      <c r="K13" s="881">
        <v>-2455</v>
      </c>
      <c r="L13" s="890">
        <v>-2402</v>
      </c>
      <c r="M13" s="880">
        <v>-4858</v>
      </c>
      <c r="N13" s="880">
        <v>-4371</v>
      </c>
    </row>
    <row r="14" spans="1:14" ht="20.149999999999999" customHeight="1" x14ac:dyDescent="0.25">
      <c r="A14" s="873" t="s">
        <v>414</v>
      </c>
      <c r="B14" s="874">
        <v>0</v>
      </c>
      <c r="C14" s="875">
        <v>0</v>
      </c>
      <c r="D14" s="876">
        <v>-102</v>
      </c>
      <c r="E14" s="877">
        <v>-331</v>
      </c>
      <c r="F14" s="877">
        <v>-1038</v>
      </c>
      <c r="G14" s="878">
        <v>-896</v>
      </c>
      <c r="H14" s="879">
        <v>0</v>
      </c>
      <c r="I14" s="880">
        <v>0</v>
      </c>
      <c r="J14" s="880">
        <v>0</v>
      </c>
      <c r="K14" s="881">
        <v>0</v>
      </c>
      <c r="L14" s="890">
        <v>-1934</v>
      </c>
      <c r="M14" s="880">
        <v>-2367</v>
      </c>
      <c r="N14" s="880">
        <v>0</v>
      </c>
    </row>
    <row r="15" spans="1:14" ht="20.149999999999999" customHeight="1" x14ac:dyDescent="0.25">
      <c r="A15" s="873" t="s">
        <v>405</v>
      </c>
      <c r="B15" s="874">
        <v>0</v>
      </c>
      <c r="C15" s="875">
        <v>1</v>
      </c>
      <c r="D15" s="876">
        <v>-10</v>
      </c>
      <c r="E15" s="877">
        <v>-2</v>
      </c>
      <c r="F15" s="877">
        <v>-1</v>
      </c>
      <c r="G15" s="878">
        <v>-11</v>
      </c>
      <c r="H15" s="879">
        <v>-6</v>
      </c>
      <c r="I15" s="880">
        <v>-2</v>
      </c>
      <c r="J15" s="880">
        <v>-3</v>
      </c>
      <c r="K15" s="881">
        <v>1</v>
      </c>
      <c r="L15" s="890">
        <v>-12</v>
      </c>
      <c r="M15" s="880">
        <v>-24</v>
      </c>
      <c r="N15" s="880">
        <v>-11</v>
      </c>
    </row>
    <row r="16" spans="1:14" ht="20.149999999999999" customHeight="1" x14ac:dyDescent="0.25">
      <c r="A16" s="883" t="s">
        <v>406</v>
      </c>
      <c r="B16" s="874">
        <v>54967</v>
      </c>
      <c r="C16" s="884">
        <v>54165</v>
      </c>
      <c r="D16" s="876">
        <v>53761</v>
      </c>
      <c r="E16" s="877">
        <v>53151</v>
      </c>
      <c r="F16" s="877">
        <v>52209</v>
      </c>
      <c r="G16" s="885">
        <v>51848</v>
      </c>
      <c r="H16" s="879">
        <v>51354</v>
      </c>
      <c r="I16" s="880">
        <v>50044</v>
      </c>
      <c r="J16" s="880">
        <v>48713</v>
      </c>
      <c r="K16" s="881">
        <v>54967</v>
      </c>
      <c r="L16" s="887">
        <v>52209</v>
      </c>
      <c r="M16" s="877">
        <v>53761</v>
      </c>
      <c r="N16" s="877">
        <v>51354</v>
      </c>
    </row>
    <row r="17" spans="1:14" ht="20.149999999999999" customHeight="1" x14ac:dyDescent="0.25">
      <c r="A17" s="883"/>
      <c r="B17" s="874"/>
      <c r="C17" s="884"/>
      <c r="D17" s="888"/>
      <c r="E17" s="877"/>
      <c r="F17" s="877"/>
      <c r="G17" s="885"/>
      <c r="H17" s="879"/>
      <c r="I17" s="880"/>
      <c r="J17" s="880"/>
      <c r="K17" s="886"/>
      <c r="L17" s="887"/>
      <c r="M17" s="877"/>
      <c r="N17" s="877"/>
    </row>
    <row r="18" spans="1:14" ht="20.149999999999999" customHeight="1" x14ac:dyDescent="0.25">
      <c r="A18" s="889" t="s">
        <v>373</v>
      </c>
      <c r="B18" s="874"/>
      <c r="C18" s="875"/>
      <c r="D18" s="888"/>
      <c r="E18" s="877"/>
      <c r="F18" s="877"/>
      <c r="G18" s="878"/>
      <c r="H18" s="879"/>
      <c r="I18" s="880"/>
      <c r="J18" s="880"/>
      <c r="K18" s="881"/>
      <c r="L18" s="882"/>
      <c r="M18" s="880"/>
      <c r="N18" s="880"/>
    </row>
    <row r="19" spans="1:14" ht="20.149999999999999" customHeight="1" x14ac:dyDescent="0.25">
      <c r="A19" s="873" t="s">
        <v>410</v>
      </c>
      <c r="B19" s="874">
        <v>-6640</v>
      </c>
      <c r="C19" s="875">
        <v>-7166</v>
      </c>
      <c r="D19" s="876">
        <v>-6684</v>
      </c>
      <c r="E19" s="877">
        <v>-6034</v>
      </c>
      <c r="F19" s="877">
        <v>-4324</v>
      </c>
      <c r="G19" s="878">
        <v>-5333</v>
      </c>
      <c r="H19" s="879">
        <v>-3986</v>
      </c>
      <c r="I19" s="880">
        <v>-3979</v>
      </c>
      <c r="J19" s="880">
        <v>-2785</v>
      </c>
      <c r="K19" s="881">
        <v>-7166</v>
      </c>
      <c r="L19" s="882">
        <v>-5333</v>
      </c>
      <c r="M19" s="880">
        <v>-5333</v>
      </c>
      <c r="N19" s="880">
        <v>-2125</v>
      </c>
    </row>
    <row r="20" spans="1:14" ht="20.149999999999999" customHeight="1" x14ac:dyDescent="0.25">
      <c r="A20" s="873" t="s">
        <v>404</v>
      </c>
      <c r="B20" s="874">
        <v>1734</v>
      </c>
      <c r="C20" s="875">
        <v>526</v>
      </c>
      <c r="D20" s="876">
        <v>-482</v>
      </c>
      <c r="E20" s="877">
        <v>-650</v>
      </c>
      <c r="F20" s="877">
        <v>-1710</v>
      </c>
      <c r="G20" s="878">
        <v>1009</v>
      </c>
      <c r="H20" s="879">
        <v>-1347</v>
      </c>
      <c r="I20" s="880">
        <v>-7</v>
      </c>
      <c r="J20" s="880">
        <v>-1194</v>
      </c>
      <c r="K20" s="881">
        <v>2260</v>
      </c>
      <c r="L20" s="882">
        <v>-701</v>
      </c>
      <c r="M20" s="880">
        <v>-1833</v>
      </c>
      <c r="N20" s="880">
        <v>-3208</v>
      </c>
    </row>
    <row r="21" spans="1:14" ht="20.149999999999999" customHeight="1" x14ac:dyDescent="0.25">
      <c r="A21" s="891" t="s">
        <v>398</v>
      </c>
      <c r="B21" s="874">
        <v>632</v>
      </c>
      <c r="C21" s="875">
        <v>524</v>
      </c>
      <c r="D21" s="876">
        <v>2218</v>
      </c>
      <c r="E21" s="877">
        <v>-753</v>
      </c>
      <c r="F21" s="877">
        <v>-264</v>
      </c>
      <c r="G21" s="878">
        <v>1030</v>
      </c>
      <c r="H21" s="879">
        <v>-803</v>
      </c>
      <c r="I21" s="880">
        <v>-166</v>
      </c>
      <c r="J21" s="880">
        <v>-1382</v>
      </c>
      <c r="K21" s="881">
        <v>1156</v>
      </c>
      <c r="L21" s="890">
        <v>766</v>
      </c>
      <c r="M21" s="880">
        <v>2231</v>
      </c>
      <c r="N21" s="880">
        <v>-3381</v>
      </c>
    </row>
    <row r="22" spans="1:14" ht="20.149999999999999" customHeight="1" x14ac:dyDescent="0.25">
      <c r="A22" s="891" t="s">
        <v>237</v>
      </c>
      <c r="B22" s="874">
        <v>201</v>
      </c>
      <c r="C22" s="875">
        <v>333</v>
      </c>
      <c r="D22" s="876">
        <v>-532</v>
      </c>
      <c r="E22" s="877">
        <v>-26</v>
      </c>
      <c r="F22" s="877">
        <v>-495</v>
      </c>
      <c r="G22" s="878">
        <v>-159</v>
      </c>
      <c r="H22" s="879">
        <v>-239</v>
      </c>
      <c r="I22" s="880">
        <v>-124</v>
      </c>
      <c r="J22" s="880">
        <v>-277</v>
      </c>
      <c r="K22" s="881">
        <v>534</v>
      </c>
      <c r="L22" s="890">
        <v>-654</v>
      </c>
      <c r="M22" s="880">
        <v>-1212</v>
      </c>
      <c r="N22" s="880">
        <v>-600</v>
      </c>
    </row>
    <row r="23" spans="1:14" ht="20.149999999999999" customHeight="1" x14ac:dyDescent="0.25">
      <c r="A23" s="891" t="s">
        <v>364</v>
      </c>
      <c r="B23" s="874">
        <v>-39</v>
      </c>
      <c r="C23" s="875">
        <v>82</v>
      </c>
      <c r="D23" s="876">
        <v>-104</v>
      </c>
      <c r="E23" s="877">
        <v>-122</v>
      </c>
      <c r="F23" s="877">
        <v>22</v>
      </c>
      <c r="G23" s="878">
        <v>129</v>
      </c>
      <c r="H23" s="879">
        <v>94</v>
      </c>
      <c r="I23" s="880">
        <v>73</v>
      </c>
      <c r="J23" s="880">
        <v>141</v>
      </c>
      <c r="K23" s="881">
        <v>43</v>
      </c>
      <c r="L23" s="890">
        <v>151</v>
      </c>
      <c r="M23" s="880">
        <v>-75</v>
      </c>
      <c r="N23" s="880">
        <v>454</v>
      </c>
    </row>
    <row r="24" spans="1:14" ht="20.149999999999999" customHeight="1" x14ac:dyDescent="0.25">
      <c r="A24" s="891" t="s">
        <v>360</v>
      </c>
      <c r="B24" s="874">
        <v>-98</v>
      </c>
      <c r="C24" s="875">
        <v>537</v>
      </c>
      <c r="D24" s="876">
        <v>-1933</v>
      </c>
      <c r="E24" s="877">
        <v>-49</v>
      </c>
      <c r="F24" s="877">
        <v>-2350</v>
      </c>
      <c r="G24" s="878">
        <v>-240</v>
      </c>
      <c r="H24" s="879">
        <v>-680</v>
      </c>
      <c r="I24" s="880">
        <v>225</v>
      </c>
      <c r="J24" s="880">
        <v>-216</v>
      </c>
      <c r="K24" s="881">
        <v>439</v>
      </c>
      <c r="L24" s="890">
        <v>-2590</v>
      </c>
      <c r="M24" s="880">
        <v>-4572</v>
      </c>
      <c r="N24" s="880">
        <v>-853</v>
      </c>
    </row>
    <row r="25" spans="1:14" ht="20.149999999999999" customHeight="1" x14ac:dyDescent="0.25">
      <c r="A25" s="891" t="s">
        <v>572</v>
      </c>
      <c r="B25" s="874">
        <v>1038</v>
      </c>
      <c r="C25" s="875">
        <v>-950</v>
      </c>
      <c r="D25" s="876">
        <v>-131</v>
      </c>
      <c r="E25" s="877">
        <v>300</v>
      </c>
      <c r="F25" s="877">
        <v>1377</v>
      </c>
      <c r="G25" s="878">
        <v>249</v>
      </c>
      <c r="H25" s="879">
        <v>281</v>
      </c>
      <c r="I25" s="880">
        <v>-15</v>
      </c>
      <c r="J25" s="880">
        <v>540</v>
      </c>
      <c r="K25" s="881">
        <v>88</v>
      </c>
      <c r="L25" s="890">
        <v>1626</v>
      </c>
      <c r="M25" s="880">
        <v>1795</v>
      </c>
      <c r="N25" s="880">
        <v>1172</v>
      </c>
    </row>
    <row r="26" spans="1:14" ht="20.149999999999999" customHeight="1" x14ac:dyDescent="0.25">
      <c r="A26" s="883" t="s">
        <v>406</v>
      </c>
      <c r="B26" s="874">
        <v>-4906</v>
      </c>
      <c r="C26" s="884">
        <v>-6640</v>
      </c>
      <c r="D26" s="876">
        <v>-7166</v>
      </c>
      <c r="E26" s="877">
        <v>-6684</v>
      </c>
      <c r="F26" s="877">
        <v>-6034</v>
      </c>
      <c r="G26" s="885">
        <v>-4324</v>
      </c>
      <c r="H26" s="879">
        <v>-5333</v>
      </c>
      <c r="I26" s="880">
        <v>-3986</v>
      </c>
      <c r="J26" s="880">
        <v>-3979</v>
      </c>
      <c r="K26" s="886">
        <v>-4906</v>
      </c>
      <c r="L26" s="887">
        <v>-6034</v>
      </c>
      <c r="M26" s="877">
        <v>-7166</v>
      </c>
      <c r="N26" s="877">
        <v>-5333</v>
      </c>
    </row>
    <row r="27" spans="1:14" ht="20.149999999999999" customHeight="1" x14ac:dyDescent="0.25">
      <c r="A27" s="883"/>
      <c r="B27" s="874"/>
      <c r="C27" s="884"/>
      <c r="D27" s="888"/>
      <c r="E27" s="877"/>
      <c r="F27" s="877"/>
      <c r="G27" s="885"/>
      <c r="H27" s="879"/>
      <c r="I27" s="880"/>
      <c r="J27" s="880"/>
      <c r="K27" s="886"/>
      <c r="L27" s="887"/>
      <c r="M27" s="877"/>
      <c r="N27" s="877"/>
    </row>
    <row r="28" spans="1:14" ht="20.149999999999999" customHeight="1" x14ac:dyDescent="0.25">
      <c r="A28" s="889" t="s">
        <v>374</v>
      </c>
      <c r="B28" s="874"/>
      <c r="C28" s="875"/>
      <c r="D28" s="888"/>
      <c r="E28" s="877"/>
      <c r="F28" s="877"/>
      <c r="G28" s="878"/>
      <c r="H28" s="879"/>
      <c r="I28" s="880"/>
      <c r="J28" s="880"/>
      <c r="K28" s="881"/>
      <c r="L28" s="882"/>
      <c r="M28" s="880"/>
      <c r="N28" s="880"/>
    </row>
    <row r="29" spans="1:14" ht="20.149999999999999" customHeight="1" x14ac:dyDescent="0.25">
      <c r="A29" s="873" t="s">
        <v>410</v>
      </c>
      <c r="B29" s="874">
        <v>-145</v>
      </c>
      <c r="C29" s="875">
        <v>-152</v>
      </c>
      <c r="D29" s="876">
        <v>-152</v>
      </c>
      <c r="E29" s="877">
        <v>-141</v>
      </c>
      <c r="F29" s="877">
        <v>227</v>
      </c>
      <c r="G29" s="878">
        <v>222</v>
      </c>
      <c r="H29" s="879">
        <v>169</v>
      </c>
      <c r="I29" s="880">
        <v>348</v>
      </c>
      <c r="J29" s="880">
        <v>356</v>
      </c>
      <c r="K29" s="881">
        <v>-152</v>
      </c>
      <c r="L29" s="882">
        <v>222</v>
      </c>
      <c r="M29" s="880">
        <v>222</v>
      </c>
      <c r="N29" s="880">
        <v>360</v>
      </c>
    </row>
    <row r="30" spans="1:14" ht="20.149999999999999" customHeight="1" x14ac:dyDescent="0.25">
      <c r="A30" s="873" t="s">
        <v>309</v>
      </c>
      <c r="B30" s="874">
        <v>2</v>
      </c>
      <c r="C30" s="875">
        <v>9</v>
      </c>
      <c r="D30" s="876">
        <v>1</v>
      </c>
      <c r="E30" s="877">
        <v>1</v>
      </c>
      <c r="F30" s="877">
        <v>2</v>
      </c>
      <c r="G30" s="878">
        <v>6</v>
      </c>
      <c r="H30" s="879">
        <v>1</v>
      </c>
      <c r="I30" s="880">
        <v>1</v>
      </c>
      <c r="J30" s="880">
        <v>1</v>
      </c>
      <c r="K30" s="892">
        <v>11</v>
      </c>
      <c r="L30" s="890">
        <v>8</v>
      </c>
      <c r="M30" s="880">
        <v>10</v>
      </c>
      <c r="N30" s="880">
        <v>7</v>
      </c>
    </row>
    <row r="31" spans="1:14" ht="20.149999999999999" customHeight="1" x14ac:dyDescent="0.25">
      <c r="A31" s="873" t="s">
        <v>423</v>
      </c>
      <c r="B31" s="874">
        <v>-1</v>
      </c>
      <c r="C31" s="875">
        <v>-2</v>
      </c>
      <c r="D31" s="876">
        <v>-1</v>
      </c>
      <c r="E31" s="877">
        <v>0</v>
      </c>
      <c r="F31" s="877">
        <v>-4</v>
      </c>
      <c r="G31" s="878">
        <v>-13</v>
      </c>
      <c r="H31" s="879">
        <v>-2</v>
      </c>
      <c r="I31" s="880">
        <v>-6</v>
      </c>
      <c r="J31" s="880">
        <v>-9</v>
      </c>
      <c r="K31" s="892">
        <v>-3</v>
      </c>
      <c r="L31" s="890">
        <v>-17</v>
      </c>
      <c r="M31" s="880">
        <v>-18</v>
      </c>
      <c r="N31" s="880">
        <v>-25</v>
      </c>
    </row>
    <row r="32" spans="1:14" ht="20.149999999999999" customHeight="1" x14ac:dyDescent="0.25">
      <c r="A32" s="873" t="s">
        <v>572</v>
      </c>
      <c r="B32" s="874">
        <v>0</v>
      </c>
      <c r="C32" s="875">
        <v>0</v>
      </c>
      <c r="D32" s="876">
        <v>0</v>
      </c>
      <c r="E32" s="877">
        <v>-12</v>
      </c>
      <c r="F32" s="877">
        <v>-366</v>
      </c>
      <c r="G32" s="878">
        <v>12</v>
      </c>
      <c r="H32" s="879">
        <v>54</v>
      </c>
      <c r="I32" s="880">
        <v>-174</v>
      </c>
      <c r="J32" s="880">
        <v>0</v>
      </c>
      <c r="K32" s="892">
        <v>0</v>
      </c>
      <c r="L32" s="890">
        <v>-354</v>
      </c>
      <c r="M32" s="880">
        <v>-366</v>
      </c>
      <c r="N32" s="880">
        <v>-120</v>
      </c>
    </row>
    <row r="33" spans="1:14" ht="20.149999999999999" customHeight="1" x14ac:dyDescent="0.25">
      <c r="A33" s="883" t="s">
        <v>406</v>
      </c>
      <c r="B33" s="874">
        <v>-144</v>
      </c>
      <c r="C33" s="884">
        <v>-145</v>
      </c>
      <c r="D33" s="876">
        <v>-152</v>
      </c>
      <c r="E33" s="877">
        <v>-152</v>
      </c>
      <c r="F33" s="877">
        <v>-141</v>
      </c>
      <c r="G33" s="885">
        <v>227</v>
      </c>
      <c r="H33" s="879">
        <v>222</v>
      </c>
      <c r="I33" s="880">
        <v>169</v>
      </c>
      <c r="J33" s="880">
        <v>348</v>
      </c>
      <c r="K33" s="886">
        <v>-144</v>
      </c>
      <c r="L33" s="887">
        <v>-141</v>
      </c>
      <c r="M33" s="877">
        <v>-152</v>
      </c>
      <c r="N33" s="877">
        <v>222</v>
      </c>
    </row>
    <row r="34" spans="1:14" ht="20.149999999999999" customHeight="1" x14ac:dyDescent="0.25">
      <c r="A34" s="893"/>
      <c r="B34" s="874"/>
      <c r="C34" s="875"/>
      <c r="D34" s="888"/>
      <c r="E34" s="877"/>
      <c r="F34" s="877"/>
      <c r="G34" s="878"/>
      <c r="H34" s="879"/>
      <c r="I34" s="880"/>
      <c r="J34" s="880"/>
      <c r="K34" s="881"/>
      <c r="L34" s="882"/>
      <c r="M34" s="880"/>
      <c r="N34" s="880"/>
    </row>
    <row r="35" spans="1:14" ht="20.149999999999999" customHeight="1" x14ac:dyDescent="0.25">
      <c r="A35" s="894" t="s">
        <v>424</v>
      </c>
      <c r="B35" s="874">
        <v>69077</v>
      </c>
      <c r="C35" s="884">
        <v>66112</v>
      </c>
      <c r="D35" s="876">
        <v>65150</v>
      </c>
      <c r="E35" s="877">
        <v>65043</v>
      </c>
      <c r="F35" s="877">
        <v>64833</v>
      </c>
      <c r="G35" s="885">
        <v>66172</v>
      </c>
      <c r="H35" s="879">
        <v>64750</v>
      </c>
      <c r="I35" s="880">
        <v>64720</v>
      </c>
      <c r="J35" s="880">
        <v>63459</v>
      </c>
      <c r="K35" s="886">
        <v>69077</v>
      </c>
      <c r="L35" s="887">
        <v>64833</v>
      </c>
      <c r="M35" s="877">
        <v>65150</v>
      </c>
      <c r="N35" s="877">
        <v>64750</v>
      </c>
    </row>
    <row r="36" spans="1:14" ht="20.149999999999999" customHeight="1" x14ac:dyDescent="0.25">
      <c r="A36" s="895"/>
      <c r="B36" s="874"/>
      <c r="C36" s="875"/>
      <c r="D36" s="888"/>
      <c r="E36" s="877"/>
      <c r="F36" s="877"/>
      <c r="G36" s="878"/>
      <c r="H36" s="879"/>
      <c r="I36" s="880"/>
      <c r="J36" s="880"/>
      <c r="K36" s="881"/>
      <c r="L36" s="882"/>
      <c r="M36" s="880"/>
      <c r="N36" s="880"/>
    </row>
    <row r="37" spans="1:14" ht="20.149999999999999" customHeight="1" x14ac:dyDescent="0.25">
      <c r="A37" s="889" t="s">
        <v>829</v>
      </c>
      <c r="B37" s="874"/>
      <c r="C37" s="875"/>
      <c r="D37" s="888"/>
      <c r="E37" s="877"/>
      <c r="F37" s="877"/>
      <c r="G37" s="878"/>
      <c r="H37" s="879"/>
      <c r="I37" s="880"/>
      <c r="J37" s="880"/>
      <c r="K37" s="881"/>
      <c r="L37" s="882"/>
      <c r="M37" s="880"/>
      <c r="N37" s="880"/>
    </row>
    <row r="38" spans="1:14" ht="20.149999999999999" customHeight="1" x14ac:dyDescent="0.25">
      <c r="A38" s="873" t="s">
        <v>398</v>
      </c>
      <c r="B38" s="874">
        <v>-1322</v>
      </c>
      <c r="C38" s="875">
        <v>-1954</v>
      </c>
      <c r="D38" s="876">
        <v>-2478</v>
      </c>
      <c r="E38" s="877">
        <v>-4696</v>
      </c>
      <c r="F38" s="877">
        <v>-3943</v>
      </c>
      <c r="G38" s="878">
        <v>-3679</v>
      </c>
      <c r="H38" s="879">
        <v>-4709</v>
      </c>
      <c r="I38" s="880">
        <v>-3906</v>
      </c>
      <c r="J38" s="880">
        <v>-3740</v>
      </c>
      <c r="K38" s="896"/>
      <c r="L38" s="897"/>
      <c r="M38" s="898"/>
      <c r="N38" s="898"/>
    </row>
    <row r="39" spans="1:14" ht="20.149999999999999" customHeight="1" x14ac:dyDescent="0.25">
      <c r="A39" s="873" t="s">
        <v>237</v>
      </c>
      <c r="B39" s="874">
        <v>-948</v>
      </c>
      <c r="C39" s="875">
        <v>-1149</v>
      </c>
      <c r="D39" s="876">
        <v>-1482</v>
      </c>
      <c r="E39" s="877">
        <v>-950</v>
      </c>
      <c r="F39" s="877">
        <v>-924</v>
      </c>
      <c r="G39" s="878">
        <v>-429</v>
      </c>
      <c r="H39" s="879">
        <v>-270</v>
      </c>
      <c r="I39" s="880">
        <v>-31</v>
      </c>
      <c r="J39" s="880">
        <v>93</v>
      </c>
      <c r="K39" s="896"/>
      <c r="L39" s="897"/>
      <c r="M39" s="898"/>
      <c r="N39" s="898"/>
    </row>
    <row r="40" spans="1:14" ht="20.149999999999999" customHeight="1" x14ac:dyDescent="0.25">
      <c r="A40" s="873" t="s">
        <v>364</v>
      </c>
      <c r="B40" s="874">
        <v>259</v>
      </c>
      <c r="C40" s="875">
        <v>298</v>
      </c>
      <c r="D40" s="876">
        <v>216</v>
      </c>
      <c r="E40" s="877">
        <v>320</v>
      </c>
      <c r="F40" s="877">
        <v>442</v>
      </c>
      <c r="G40" s="878">
        <v>420</v>
      </c>
      <c r="H40" s="879">
        <v>291</v>
      </c>
      <c r="I40" s="880">
        <v>197</v>
      </c>
      <c r="J40" s="880">
        <v>124</v>
      </c>
      <c r="K40" s="896"/>
      <c r="L40" s="897"/>
      <c r="M40" s="898"/>
      <c r="N40" s="898"/>
    </row>
    <row r="41" spans="1:14" ht="20.149999999999999" customHeight="1" x14ac:dyDescent="0.25">
      <c r="A41" s="873" t="s">
        <v>360</v>
      </c>
      <c r="B41" s="874">
        <v>-4347</v>
      </c>
      <c r="C41" s="875">
        <v>-4249</v>
      </c>
      <c r="D41" s="876">
        <v>-4786</v>
      </c>
      <c r="E41" s="877">
        <v>-2853</v>
      </c>
      <c r="F41" s="877">
        <v>-2804</v>
      </c>
      <c r="G41" s="878">
        <v>-454</v>
      </c>
      <c r="H41" s="879">
        <v>-214</v>
      </c>
      <c r="I41" s="880">
        <v>466</v>
      </c>
      <c r="J41" s="880">
        <v>241</v>
      </c>
      <c r="K41" s="896"/>
      <c r="L41" s="897"/>
      <c r="M41" s="898"/>
      <c r="N41" s="898"/>
    </row>
    <row r="42" spans="1:14" ht="20.149999999999999" customHeight="1" x14ac:dyDescent="0.25">
      <c r="A42" s="873" t="s">
        <v>572</v>
      </c>
      <c r="B42" s="874">
        <v>1452</v>
      </c>
      <c r="C42" s="875">
        <v>414</v>
      </c>
      <c r="D42" s="876">
        <v>1364</v>
      </c>
      <c r="E42" s="877">
        <v>1495</v>
      </c>
      <c r="F42" s="877">
        <v>1195</v>
      </c>
      <c r="G42" s="878">
        <v>-182</v>
      </c>
      <c r="H42" s="879">
        <v>-431</v>
      </c>
      <c r="I42" s="880">
        <v>-712</v>
      </c>
      <c r="J42" s="880">
        <v>-697</v>
      </c>
      <c r="K42" s="896"/>
      <c r="L42" s="897"/>
      <c r="M42" s="898"/>
      <c r="N42" s="898"/>
    </row>
    <row r="43" spans="1:14" ht="20.149999999999999" customHeight="1" x14ac:dyDescent="0.25">
      <c r="A43" s="899" t="s">
        <v>253</v>
      </c>
      <c r="B43" s="900">
        <v>-4906</v>
      </c>
      <c r="C43" s="901">
        <v>-6640</v>
      </c>
      <c r="D43" s="902">
        <v>-7166</v>
      </c>
      <c r="E43" s="903">
        <v>-6684</v>
      </c>
      <c r="F43" s="903">
        <v>-6034</v>
      </c>
      <c r="G43" s="904">
        <v>-4324</v>
      </c>
      <c r="H43" s="905">
        <v>-5333</v>
      </c>
      <c r="I43" s="906">
        <v>-3986</v>
      </c>
      <c r="J43" s="906">
        <v>-3979</v>
      </c>
      <c r="K43" s="907"/>
      <c r="L43" s="908"/>
      <c r="M43" s="909"/>
      <c r="N43" s="909"/>
    </row>
    <row r="44" spans="1:14" ht="15" customHeight="1" x14ac:dyDescent="0.35">
      <c r="A44" s="910"/>
      <c r="B44" s="911"/>
      <c r="C44" s="912"/>
      <c r="D44" s="911"/>
      <c r="E44" s="911"/>
      <c r="F44" s="911"/>
      <c r="G44" s="913"/>
      <c r="H44" s="913"/>
      <c r="I44" s="913"/>
      <c r="J44" s="913"/>
      <c r="K44" s="914"/>
      <c r="L44" s="914"/>
      <c r="M44" s="914"/>
      <c r="N44" s="914"/>
    </row>
  </sheetData>
  <mergeCells count="6">
    <mergeCell ref="A2:N2"/>
    <mergeCell ref="B3:C3"/>
    <mergeCell ref="D3:G3"/>
    <mergeCell ref="H3:J3"/>
    <mergeCell ref="K3:L3"/>
    <mergeCell ref="M3:N3"/>
  </mergeCells>
  <hyperlinks>
    <hyperlink ref="A1" location="TDM!A1" display="Retour à la table des matières" xr:uid="{00000000-0004-0000-1500-000000000000}"/>
  </hyperlinks>
  <printOptions horizontalCentered="1"/>
  <pageMargins left="0.51181102362204722" right="0.51181102362204722" top="0.51181102362204722" bottom="0.51181102362204722" header="0.23622047244094491" footer="0.23622047244094491"/>
  <pageSetup scale="51" orientation="landscape" r:id="rId1"/>
  <headerFooter>
    <oddFooter>&amp;L&amp;G&amp;C&amp;"Scotia,Regular"&amp;9Informations financières supplémentaires (IFS)&amp;R&amp;"Scotia,Regular"&amp;9&amp;A</oddFooter>
  </headerFooter>
  <legacyDrawingHF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FCB983-38CF-456D-8FEA-3928AC17A954}">
  <sheetPr>
    <pageSetUpPr fitToPage="1"/>
  </sheetPr>
  <dimension ref="A1:N22"/>
  <sheetViews>
    <sheetView showGridLines="0" zoomScaleNormal="100" workbookViewId="0"/>
  </sheetViews>
  <sheetFormatPr defaultColWidth="8.7265625" defaultRowHeight="12.5" x14ac:dyDescent="0.25"/>
  <cols>
    <col min="1" max="1" width="89.54296875" style="25" customWidth="1"/>
    <col min="2" max="14" width="10.7265625" style="25" customWidth="1"/>
    <col min="15" max="16384" width="8.7265625" style="25"/>
  </cols>
  <sheetData>
    <row r="1" spans="1:14" ht="20.149999999999999" customHeight="1" x14ac:dyDescent="0.25">
      <c r="A1" s="24" t="s">
        <v>37</v>
      </c>
    </row>
    <row r="2" spans="1:14" ht="25" customHeight="1" x14ac:dyDescent="0.25">
      <c r="A2" s="3270" t="s">
        <v>30</v>
      </c>
      <c r="B2" s="3270" t="s">
        <v>38</v>
      </c>
      <c r="C2" s="3270" t="s">
        <v>38</v>
      </c>
      <c r="D2" s="3270" t="s">
        <v>38</v>
      </c>
      <c r="E2" s="3270" t="s">
        <v>38</v>
      </c>
      <c r="F2" s="3270" t="s">
        <v>38</v>
      </c>
      <c r="G2" s="3270" t="s">
        <v>38</v>
      </c>
      <c r="H2" s="3270" t="s">
        <v>38</v>
      </c>
      <c r="I2" s="3270" t="s">
        <v>38</v>
      </c>
      <c r="J2" s="3270" t="s">
        <v>38</v>
      </c>
      <c r="K2" s="3270" t="s">
        <v>38</v>
      </c>
      <c r="L2" s="3270" t="s">
        <v>38</v>
      </c>
      <c r="M2" s="3270" t="s">
        <v>38</v>
      </c>
      <c r="N2" s="3270" t="s">
        <v>38</v>
      </c>
    </row>
    <row r="3" spans="1:14" ht="20.149999999999999" customHeight="1" x14ac:dyDescent="0.25">
      <c r="A3" s="854"/>
      <c r="B3" s="3263" t="s">
        <v>174</v>
      </c>
      <c r="C3" s="3264" t="s">
        <v>38</v>
      </c>
      <c r="D3" s="3265" t="s">
        <v>240</v>
      </c>
      <c r="E3" s="3266" t="s">
        <v>38</v>
      </c>
      <c r="F3" s="3266" t="s">
        <v>38</v>
      </c>
      <c r="G3" s="3267" t="s">
        <v>38</v>
      </c>
      <c r="H3" s="3265" t="s">
        <v>241</v>
      </c>
      <c r="I3" s="3266" t="s">
        <v>38</v>
      </c>
      <c r="J3" s="3266" t="s">
        <v>38</v>
      </c>
      <c r="K3" s="3271" t="s">
        <v>716</v>
      </c>
      <c r="L3" s="3272" t="s">
        <v>38</v>
      </c>
      <c r="M3" s="3266" t="s">
        <v>717</v>
      </c>
      <c r="N3" s="3266" t="s">
        <v>38</v>
      </c>
    </row>
    <row r="4" spans="1:14" ht="20.149999999999999" customHeight="1" x14ac:dyDescent="0.25">
      <c r="A4" s="855" t="s">
        <v>69</v>
      </c>
      <c r="B4" s="856" t="s">
        <v>49</v>
      </c>
      <c r="C4" s="857" t="s">
        <v>45</v>
      </c>
      <c r="D4" s="858" t="s">
        <v>569</v>
      </c>
      <c r="E4" s="859" t="s">
        <v>570</v>
      </c>
      <c r="F4" s="859" t="s">
        <v>49</v>
      </c>
      <c r="G4" s="860" t="s">
        <v>45</v>
      </c>
      <c r="H4" s="861" t="s">
        <v>569</v>
      </c>
      <c r="I4" s="862" t="s">
        <v>570</v>
      </c>
      <c r="J4" s="862" t="s">
        <v>49</v>
      </c>
      <c r="K4" s="915" t="s">
        <v>179</v>
      </c>
      <c r="L4" s="916" t="s">
        <v>240</v>
      </c>
      <c r="M4" s="862" t="s">
        <v>240</v>
      </c>
      <c r="N4" s="859" t="s">
        <v>241</v>
      </c>
    </row>
    <row r="5" spans="1:14" ht="20.149999999999999" customHeight="1" x14ac:dyDescent="0.25">
      <c r="A5" s="865" t="s">
        <v>426</v>
      </c>
      <c r="B5" s="917"/>
      <c r="C5" s="918"/>
      <c r="D5" s="867"/>
      <c r="E5" s="919"/>
      <c r="F5" s="919"/>
      <c r="G5" s="918"/>
      <c r="H5" s="920"/>
      <c r="I5" s="921"/>
      <c r="J5" s="921"/>
      <c r="K5" s="920"/>
      <c r="L5" s="922"/>
      <c r="M5" s="921"/>
      <c r="N5" s="921"/>
    </row>
    <row r="6" spans="1:14" ht="20.149999999999999" customHeight="1" x14ac:dyDescent="0.25">
      <c r="A6" s="873" t="s">
        <v>410</v>
      </c>
      <c r="B6" s="874">
        <v>8075</v>
      </c>
      <c r="C6" s="875">
        <v>8075</v>
      </c>
      <c r="D6" s="876">
        <v>7052</v>
      </c>
      <c r="E6" s="877">
        <v>5552</v>
      </c>
      <c r="F6" s="877">
        <v>5552</v>
      </c>
      <c r="G6" s="878">
        <v>6052</v>
      </c>
      <c r="H6" s="879">
        <v>5299</v>
      </c>
      <c r="I6" s="880">
        <v>4549</v>
      </c>
      <c r="J6" s="880">
        <v>5308</v>
      </c>
      <c r="K6" s="923">
        <v>8075</v>
      </c>
      <c r="L6" s="884">
        <v>6052</v>
      </c>
      <c r="M6" s="880">
        <v>6052</v>
      </c>
      <c r="N6" s="880">
        <v>5308</v>
      </c>
    </row>
    <row r="7" spans="1:14" ht="20.149999999999999" customHeight="1" x14ac:dyDescent="0.25">
      <c r="A7" s="873" t="s">
        <v>427</v>
      </c>
      <c r="B7" s="874">
        <v>0</v>
      </c>
      <c r="C7" s="875">
        <v>0</v>
      </c>
      <c r="D7" s="876">
        <v>1023</v>
      </c>
      <c r="E7" s="877">
        <v>1500</v>
      </c>
      <c r="F7" s="877">
        <v>0</v>
      </c>
      <c r="G7" s="878">
        <v>0</v>
      </c>
      <c r="H7" s="879">
        <v>753</v>
      </c>
      <c r="I7" s="880">
        <v>1250</v>
      </c>
      <c r="J7" s="880">
        <v>0</v>
      </c>
      <c r="K7" s="923">
        <v>0</v>
      </c>
      <c r="L7" s="884">
        <v>0</v>
      </c>
      <c r="M7" s="880">
        <v>2523</v>
      </c>
      <c r="N7" s="880">
        <v>2003</v>
      </c>
    </row>
    <row r="8" spans="1:14" ht="20.149999999999999" customHeight="1" x14ac:dyDescent="0.25">
      <c r="A8" s="873" t="s">
        <v>428</v>
      </c>
      <c r="B8" s="874">
        <v>0</v>
      </c>
      <c r="C8" s="875">
        <v>0</v>
      </c>
      <c r="D8" s="876">
        <v>0</v>
      </c>
      <c r="E8" s="877">
        <v>0</v>
      </c>
      <c r="F8" s="877">
        <v>0</v>
      </c>
      <c r="G8" s="878">
        <v>-500</v>
      </c>
      <c r="H8" s="879">
        <v>0</v>
      </c>
      <c r="I8" s="880">
        <v>-500</v>
      </c>
      <c r="J8" s="880">
        <v>-759</v>
      </c>
      <c r="K8" s="923"/>
      <c r="L8" s="884">
        <v>-500</v>
      </c>
      <c r="M8" s="880">
        <v>-500</v>
      </c>
      <c r="N8" s="880">
        <v>-1259</v>
      </c>
    </row>
    <row r="9" spans="1:14" ht="29" x14ac:dyDescent="0.25">
      <c r="A9" s="1488" t="s">
        <v>429</v>
      </c>
      <c r="B9" s="874">
        <v>104</v>
      </c>
      <c r="C9" s="875">
        <v>101</v>
      </c>
      <c r="D9" s="876">
        <v>106</v>
      </c>
      <c r="E9" s="877">
        <v>36</v>
      </c>
      <c r="F9" s="877">
        <v>74</v>
      </c>
      <c r="G9" s="878">
        <v>44</v>
      </c>
      <c r="H9" s="879">
        <v>78</v>
      </c>
      <c r="I9" s="880">
        <v>35</v>
      </c>
      <c r="J9" s="880">
        <v>77</v>
      </c>
      <c r="K9" s="923">
        <v>205</v>
      </c>
      <c r="L9" s="884">
        <v>118</v>
      </c>
      <c r="M9" s="880">
        <v>260</v>
      </c>
      <c r="N9" s="880">
        <v>233</v>
      </c>
    </row>
    <row r="10" spans="1:14" ht="29" x14ac:dyDescent="0.25">
      <c r="A10" s="1488" t="s">
        <v>430</v>
      </c>
      <c r="B10" s="874">
        <v>-104</v>
      </c>
      <c r="C10" s="875">
        <v>-101</v>
      </c>
      <c r="D10" s="876">
        <v>-106</v>
      </c>
      <c r="E10" s="877">
        <v>-36</v>
      </c>
      <c r="F10" s="877">
        <v>-74</v>
      </c>
      <c r="G10" s="878">
        <v>-44</v>
      </c>
      <c r="H10" s="879">
        <v>-78</v>
      </c>
      <c r="I10" s="880">
        <v>-35</v>
      </c>
      <c r="J10" s="880">
        <v>-77</v>
      </c>
      <c r="K10" s="923">
        <v>-205</v>
      </c>
      <c r="L10" s="884">
        <v>-118</v>
      </c>
      <c r="M10" s="880">
        <v>-260</v>
      </c>
      <c r="N10" s="880">
        <v>-233</v>
      </c>
    </row>
    <row r="11" spans="1:14" ht="20.149999999999999" customHeight="1" x14ac:dyDescent="0.25">
      <c r="A11" s="883" t="s">
        <v>406</v>
      </c>
      <c r="B11" s="874">
        <v>8075</v>
      </c>
      <c r="C11" s="884">
        <v>8075</v>
      </c>
      <c r="D11" s="876">
        <v>8075</v>
      </c>
      <c r="E11" s="877">
        <v>7052</v>
      </c>
      <c r="F11" s="877">
        <v>5552</v>
      </c>
      <c r="G11" s="885">
        <v>5552</v>
      </c>
      <c r="H11" s="879">
        <v>6052</v>
      </c>
      <c r="I11" s="880">
        <v>5299</v>
      </c>
      <c r="J11" s="880">
        <v>4549</v>
      </c>
      <c r="K11" s="924">
        <v>8075</v>
      </c>
      <c r="L11" s="875">
        <v>5552</v>
      </c>
      <c r="M11" s="877">
        <v>8075</v>
      </c>
      <c r="N11" s="877">
        <v>6052</v>
      </c>
    </row>
    <row r="12" spans="1:14" ht="20.149999999999999" customHeight="1" x14ac:dyDescent="0.25">
      <c r="A12" s="883"/>
      <c r="B12" s="874"/>
      <c r="C12" s="884"/>
      <c r="D12" s="888"/>
      <c r="E12" s="877"/>
      <c r="F12" s="877"/>
      <c r="G12" s="885"/>
      <c r="H12" s="879"/>
      <c r="I12" s="880"/>
      <c r="J12" s="880"/>
      <c r="K12" s="924"/>
      <c r="L12" s="875"/>
      <c r="M12" s="877"/>
      <c r="N12" s="877"/>
    </row>
    <row r="13" spans="1:14" ht="29" x14ac:dyDescent="0.25">
      <c r="A13" s="1487" t="s">
        <v>431</v>
      </c>
      <c r="B13" s="874"/>
      <c r="C13" s="875"/>
      <c r="D13" s="888"/>
      <c r="E13" s="877"/>
      <c r="F13" s="877"/>
      <c r="G13" s="878"/>
      <c r="H13" s="879"/>
      <c r="I13" s="880"/>
      <c r="J13" s="880"/>
      <c r="K13" s="923"/>
      <c r="L13" s="884"/>
      <c r="M13" s="880"/>
      <c r="N13" s="880"/>
    </row>
    <row r="14" spans="1:14" ht="20.149999999999999" customHeight="1" x14ac:dyDescent="0.25">
      <c r="A14" s="873" t="s">
        <v>410</v>
      </c>
      <c r="B14" s="874">
        <v>1564</v>
      </c>
      <c r="C14" s="875">
        <v>1524</v>
      </c>
      <c r="D14" s="876">
        <v>1490</v>
      </c>
      <c r="E14" s="877">
        <v>1582</v>
      </c>
      <c r="F14" s="877">
        <v>2222</v>
      </c>
      <c r="G14" s="878">
        <v>2090</v>
      </c>
      <c r="H14" s="879">
        <v>2142</v>
      </c>
      <c r="I14" s="880">
        <v>2414</v>
      </c>
      <c r="J14" s="880">
        <v>2442</v>
      </c>
      <c r="K14" s="923">
        <v>1524</v>
      </c>
      <c r="L14" s="884">
        <v>2090</v>
      </c>
      <c r="M14" s="880">
        <v>2090</v>
      </c>
      <c r="N14" s="880">
        <v>2376</v>
      </c>
    </row>
    <row r="15" spans="1:14" ht="20.149999999999999" customHeight="1" x14ac:dyDescent="0.25">
      <c r="A15" s="873" t="s">
        <v>432</v>
      </c>
      <c r="B15" s="874">
        <v>26</v>
      </c>
      <c r="C15" s="875">
        <v>40</v>
      </c>
      <c r="D15" s="876">
        <v>38</v>
      </c>
      <c r="E15" s="877">
        <v>54</v>
      </c>
      <c r="F15" s="877">
        <v>78</v>
      </c>
      <c r="G15" s="878">
        <v>88</v>
      </c>
      <c r="H15" s="879">
        <v>70</v>
      </c>
      <c r="I15" s="880">
        <v>81</v>
      </c>
      <c r="J15" s="880">
        <v>90</v>
      </c>
      <c r="K15" s="923">
        <v>66</v>
      </c>
      <c r="L15" s="884">
        <v>166</v>
      </c>
      <c r="M15" s="880">
        <v>258</v>
      </c>
      <c r="N15" s="880">
        <v>331</v>
      </c>
    </row>
    <row r="16" spans="1:14" ht="20.149999999999999" customHeight="1" x14ac:dyDescent="0.25">
      <c r="A16" s="873" t="s">
        <v>404</v>
      </c>
      <c r="B16" s="874">
        <v>47</v>
      </c>
      <c r="C16" s="875">
        <v>23</v>
      </c>
      <c r="D16" s="876">
        <v>22</v>
      </c>
      <c r="E16" s="877">
        <v>-86</v>
      </c>
      <c r="F16" s="877">
        <v>-22</v>
      </c>
      <c r="G16" s="878">
        <v>61</v>
      </c>
      <c r="H16" s="879">
        <v>-97</v>
      </c>
      <c r="I16" s="880">
        <v>-52</v>
      </c>
      <c r="J16" s="880">
        <v>-50</v>
      </c>
      <c r="K16" s="923">
        <v>70</v>
      </c>
      <c r="L16" s="884">
        <v>39</v>
      </c>
      <c r="M16" s="880">
        <v>-25</v>
      </c>
      <c r="N16" s="880">
        <v>-206</v>
      </c>
    </row>
    <row r="17" spans="1:14" ht="20.149999999999999" customHeight="1" x14ac:dyDescent="0.25">
      <c r="A17" s="873" t="s">
        <v>433</v>
      </c>
      <c r="B17" s="874">
        <v>-38</v>
      </c>
      <c r="C17" s="875">
        <v>-23</v>
      </c>
      <c r="D17" s="876">
        <v>-26</v>
      </c>
      <c r="E17" s="877">
        <v>-13</v>
      </c>
      <c r="F17" s="877">
        <v>-59</v>
      </c>
      <c r="G17" s="878">
        <v>-17</v>
      </c>
      <c r="H17" s="879">
        <v>-25</v>
      </c>
      <c r="I17" s="880">
        <v>-13</v>
      </c>
      <c r="J17" s="880">
        <v>-68</v>
      </c>
      <c r="K17" s="923">
        <v>-61</v>
      </c>
      <c r="L17" s="884">
        <v>-76</v>
      </c>
      <c r="M17" s="880">
        <v>-115</v>
      </c>
      <c r="N17" s="880">
        <v>-123</v>
      </c>
    </row>
    <row r="18" spans="1:14" ht="20.149999999999999" customHeight="1" x14ac:dyDescent="0.25">
      <c r="A18" s="873" t="s">
        <v>572</v>
      </c>
      <c r="B18" s="874">
        <v>-1</v>
      </c>
      <c r="C18" s="875">
        <v>0</v>
      </c>
      <c r="D18" s="876">
        <v>0</v>
      </c>
      <c r="E18" s="877">
        <v>-47</v>
      </c>
      <c r="F18" s="877">
        <v>-637</v>
      </c>
      <c r="G18" s="878">
        <v>0</v>
      </c>
      <c r="H18" s="879">
        <v>0</v>
      </c>
      <c r="I18" s="880">
        <v>-288</v>
      </c>
      <c r="J18" s="880">
        <v>0</v>
      </c>
      <c r="K18" s="923">
        <v>-1</v>
      </c>
      <c r="L18" s="884">
        <v>-637</v>
      </c>
      <c r="M18" s="880">
        <v>-684</v>
      </c>
      <c r="N18" s="880">
        <v>-288</v>
      </c>
    </row>
    <row r="19" spans="1:14" ht="20.149999999999999" customHeight="1" x14ac:dyDescent="0.25">
      <c r="A19" s="883" t="s">
        <v>406</v>
      </c>
      <c r="B19" s="874">
        <v>1598</v>
      </c>
      <c r="C19" s="884">
        <v>1564</v>
      </c>
      <c r="D19" s="876">
        <v>1524</v>
      </c>
      <c r="E19" s="877">
        <v>1490</v>
      </c>
      <c r="F19" s="877">
        <v>1582</v>
      </c>
      <c r="G19" s="885">
        <v>2222</v>
      </c>
      <c r="H19" s="879">
        <v>2090</v>
      </c>
      <c r="I19" s="880">
        <v>2142</v>
      </c>
      <c r="J19" s="880">
        <v>2414</v>
      </c>
      <c r="K19" s="924">
        <v>1598</v>
      </c>
      <c r="L19" s="875">
        <v>1582</v>
      </c>
      <c r="M19" s="877">
        <v>1524</v>
      </c>
      <c r="N19" s="877">
        <v>2090</v>
      </c>
    </row>
    <row r="20" spans="1:14" ht="20.149999999999999" customHeight="1" x14ac:dyDescent="0.25">
      <c r="A20" s="883"/>
      <c r="B20" s="874"/>
      <c r="C20" s="884"/>
      <c r="D20" s="888"/>
      <c r="E20" s="877"/>
      <c r="F20" s="877"/>
      <c r="G20" s="885"/>
      <c r="H20" s="879"/>
      <c r="I20" s="880"/>
      <c r="J20" s="880"/>
      <c r="K20" s="924"/>
      <c r="L20" s="875"/>
      <c r="M20" s="877"/>
      <c r="N20" s="877"/>
    </row>
    <row r="21" spans="1:14" ht="20.149999999999999" customHeight="1" x14ac:dyDescent="0.25">
      <c r="A21" s="925" t="s">
        <v>434</v>
      </c>
      <c r="B21" s="926">
        <v>78750</v>
      </c>
      <c r="C21" s="927">
        <v>75751</v>
      </c>
      <c r="D21" s="928">
        <v>74749</v>
      </c>
      <c r="E21" s="929">
        <v>73585</v>
      </c>
      <c r="F21" s="929">
        <v>71967</v>
      </c>
      <c r="G21" s="930">
        <v>73946</v>
      </c>
      <c r="H21" s="931">
        <v>72892</v>
      </c>
      <c r="I21" s="932">
        <v>72161</v>
      </c>
      <c r="J21" s="933">
        <v>70422</v>
      </c>
      <c r="K21" s="934">
        <v>78750</v>
      </c>
      <c r="L21" s="935">
        <v>71967</v>
      </c>
      <c r="M21" s="929">
        <v>74749</v>
      </c>
      <c r="N21" s="929">
        <v>72892</v>
      </c>
    </row>
    <row r="22" spans="1:14" ht="12" customHeight="1" x14ac:dyDescent="0.25">
      <c r="A22" s="936"/>
      <c r="B22" s="911"/>
      <c r="C22" s="912"/>
      <c r="D22" s="937"/>
      <c r="E22" s="911"/>
      <c r="F22" s="911"/>
      <c r="G22" s="913"/>
      <c r="H22" s="913"/>
      <c r="I22" s="938"/>
      <c r="J22" s="913"/>
      <c r="K22" s="911"/>
      <c r="L22" s="911"/>
      <c r="M22" s="911"/>
      <c r="N22" s="911"/>
    </row>
  </sheetData>
  <mergeCells count="6">
    <mergeCell ref="A2:N2"/>
    <mergeCell ref="B3:C3"/>
    <mergeCell ref="D3:G3"/>
    <mergeCell ref="H3:J3"/>
    <mergeCell ref="K3:L3"/>
    <mergeCell ref="M3:N3"/>
  </mergeCells>
  <hyperlinks>
    <hyperlink ref="A1" location="TDM!A1" display="Retour à la table des matières" xr:uid="{00000000-0004-0000-1600-000000000000}"/>
  </hyperlinks>
  <printOptions horizontalCentered="1"/>
  <pageMargins left="0.51181102362204722" right="0.51181102362204722" top="0.51181102362204722" bottom="0.51181102362204722" header="0.23622047244094491" footer="0.23622047244094491"/>
  <pageSetup scale="55" orientation="landscape" r:id="rId1"/>
  <headerFooter>
    <oddFooter>&amp;L&amp;G&amp;C&amp;"Scotia,Regular"&amp;9Informations financières supplémentaires (IFS)&amp;R&amp;"Scotia,Regular"&amp;9&amp;A</oddFooter>
  </headerFooter>
  <legacyDrawingHF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8F4AE38-E9F0-4894-A0D2-58C1FE881E3A}">
  <sheetPr>
    <pageSetUpPr fitToPage="1"/>
  </sheetPr>
  <dimension ref="A1:K39"/>
  <sheetViews>
    <sheetView showGridLines="0" zoomScaleNormal="100" workbookViewId="0"/>
  </sheetViews>
  <sheetFormatPr defaultColWidth="8.7265625" defaultRowHeight="12.5" x14ac:dyDescent="0.25"/>
  <cols>
    <col min="1" max="1" width="60.7265625" style="25" customWidth="1"/>
    <col min="2" max="2" width="11.7265625" style="25" customWidth="1"/>
    <col min="3" max="3" width="14.81640625" style="25" customWidth="1"/>
    <col min="4" max="4" width="11.7265625" style="25" customWidth="1"/>
    <col min="5" max="5" width="14.453125" style="25" customWidth="1"/>
    <col min="6" max="6" width="11.7265625" style="25" customWidth="1"/>
    <col min="7" max="7" width="14.81640625" style="25" customWidth="1"/>
    <col min="8" max="8" width="11.7265625" style="25" customWidth="1"/>
    <col min="9" max="9" width="14.1796875" style="25" customWidth="1"/>
    <col min="10" max="10" width="11.7265625" style="25" customWidth="1"/>
    <col min="11" max="11" width="15.26953125" style="25" customWidth="1"/>
    <col min="12" max="16384" width="8.7265625" style="25"/>
  </cols>
  <sheetData>
    <row r="1" spans="1:11" ht="20.149999999999999" customHeight="1" x14ac:dyDescent="0.25">
      <c r="A1" s="24" t="s">
        <v>37</v>
      </c>
    </row>
    <row r="2" spans="1:11" ht="25" customHeight="1" x14ac:dyDescent="0.25">
      <c r="A2" s="3240" t="s">
        <v>435</v>
      </c>
      <c r="B2" s="3240" t="s">
        <v>38</v>
      </c>
      <c r="C2" s="3240" t="s">
        <v>38</v>
      </c>
      <c r="D2" s="3240" t="s">
        <v>38</v>
      </c>
      <c r="E2" s="3240" t="s">
        <v>38</v>
      </c>
      <c r="F2" s="3240" t="s">
        <v>38</v>
      </c>
      <c r="G2" s="3240" t="s">
        <v>38</v>
      </c>
      <c r="H2" s="3240" t="s">
        <v>38</v>
      </c>
      <c r="I2" s="3240" t="s">
        <v>38</v>
      </c>
      <c r="J2" s="3240" t="s">
        <v>38</v>
      </c>
      <c r="K2" s="3240" t="s">
        <v>38</v>
      </c>
    </row>
    <row r="3" spans="1:11" ht="20.149999999999999" customHeight="1" x14ac:dyDescent="0.25">
      <c r="A3" s="939" t="s">
        <v>436</v>
      </c>
      <c r="B3" s="3273" t="s">
        <v>44</v>
      </c>
      <c r="C3" s="3274" t="s">
        <v>38</v>
      </c>
      <c r="D3" s="3275" t="s">
        <v>61</v>
      </c>
      <c r="E3" s="3276" t="s">
        <v>38</v>
      </c>
      <c r="F3" s="3275" t="s">
        <v>409</v>
      </c>
      <c r="G3" s="3276" t="s">
        <v>38</v>
      </c>
      <c r="H3" s="3275" t="s">
        <v>416</v>
      </c>
      <c r="I3" s="3276" t="s">
        <v>38</v>
      </c>
      <c r="J3" s="3275" t="s">
        <v>60</v>
      </c>
      <c r="K3" s="3277" t="s">
        <v>38</v>
      </c>
    </row>
    <row r="4" spans="1:11" ht="29" x14ac:dyDescent="0.25">
      <c r="A4" s="940"/>
      <c r="B4" s="941" t="s">
        <v>437</v>
      </c>
      <c r="C4" s="1489" t="s">
        <v>411</v>
      </c>
      <c r="D4" s="942" t="s">
        <v>437</v>
      </c>
      <c r="E4" s="1490" t="s">
        <v>411</v>
      </c>
      <c r="F4" s="942" t="s">
        <v>437</v>
      </c>
      <c r="G4" s="1490" t="s">
        <v>411</v>
      </c>
      <c r="H4" s="942" t="s">
        <v>437</v>
      </c>
      <c r="I4" s="1490" t="s">
        <v>411</v>
      </c>
      <c r="J4" s="942" t="s">
        <v>437</v>
      </c>
      <c r="K4" s="1491" t="s">
        <v>411</v>
      </c>
    </row>
    <row r="5" spans="1:11" ht="20.149999999999999" customHeight="1" x14ac:dyDescent="0.25">
      <c r="A5" s="944" t="s">
        <v>79</v>
      </c>
      <c r="B5" s="945">
        <v>353.6</v>
      </c>
      <c r="C5" s="2552">
        <v>0.44700000000000001</v>
      </c>
      <c r="D5" s="946">
        <v>353.5</v>
      </c>
      <c r="E5" s="2553">
        <v>0.45200000000000001</v>
      </c>
      <c r="F5" s="946">
        <v>349.3</v>
      </c>
      <c r="G5" s="2553">
        <v>0.45400000000000001</v>
      </c>
      <c r="H5" s="946">
        <v>343.9</v>
      </c>
      <c r="I5" s="2553">
        <v>0.46500000000000002</v>
      </c>
      <c r="J5" s="946">
        <v>337.7</v>
      </c>
      <c r="K5" s="2554">
        <v>0.47299999999999998</v>
      </c>
    </row>
    <row r="6" spans="1:11" ht="20.149999999999999" customHeight="1" x14ac:dyDescent="0.25">
      <c r="A6" s="947" t="s">
        <v>233</v>
      </c>
      <c r="B6" s="948">
        <v>102.2</v>
      </c>
      <c r="C6" s="2555">
        <v>0.129</v>
      </c>
      <c r="D6" s="949">
        <v>101.1</v>
      </c>
      <c r="E6" s="2556">
        <v>0.129</v>
      </c>
      <c r="F6" s="949">
        <v>99.4</v>
      </c>
      <c r="G6" s="2556">
        <v>0.129</v>
      </c>
      <c r="H6" s="949">
        <v>96.6</v>
      </c>
      <c r="I6" s="2556">
        <v>0.13100000000000001</v>
      </c>
      <c r="J6" s="949">
        <v>94.5</v>
      </c>
      <c r="K6" s="2557">
        <v>0.13200000000000001</v>
      </c>
    </row>
    <row r="7" spans="1:11" ht="20.149999999999999" customHeight="1" x14ac:dyDescent="0.25">
      <c r="A7" s="950" t="s">
        <v>788</v>
      </c>
      <c r="B7" s="951">
        <v>16</v>
      </c>
      <c r="C7" s="2558">
        <v>0.02</v>
      </c>
      <c r="D7" s="952">
        <v>15.5</v>
      </c>
      <c r="E7" s="2559">
        <v>0.02</v>
      </c>
      <c r="F7" s="952">
        <v>14.5</v>
      </c>
      <c r="G7" s="2559">
        <v>1.9E-2</v>
      </c>
      <c r="H7" s="952">
        <v>13.9</v>
      </c>
      <c r="I7" s="2559">
        <v>1.9E-2</v>
      </c>
      <c r="J7" s="952">
        <v>13.6</v>
      </c>
      <c r="K7" s="2560">
        <v>1.9E-2</v>
      </c>
    </row>
    <row r="8" spans="1:11" ht="20.149999999999999" customHeight="1" x14ac:dyDescent="0.25">
      <c r="A8" s="953" t="s">
        <v>822</v>
      </c>
      <c r="B8" s="954">
        <v>471.8</v>
      </c>
      <c r="C8" s="2561">
        <v>0.59599999999999997</v>
      </c>
      <c r="D8" s="955">
        <v>470.1</v>
      </c>
      <c r="E8" s="2562">
        <v>0.60099999999999998</v>
      </c>
      <c r="F8" s="955">
        <v>463.20000000000005</v>
      </c>
      <c r="G8" s="2562">
        <v>0.60199999999999998</v>
      </c>
      <c r="H8" s="955">
        <v>454.4</v>
      </c>
      <c r="I8" s="2562">
        <v>0.61499999999999999</v>
      </c>
      <c r="J8" s="955">
        <v>445.8</v>
      </c>
      <c r="K8" s="2563">
        <v>0.624</v>
      </c>
    </row>
    <row r="9" spans="1:11" ht="20.149999999999999" customHeight="1" x14ac:dyDescent="0.25">
      <c r="A9" s="956"/>
      <c r="B9" s="957"/>
      <c r="C9" s="2564"/>
      <c r="D9" s="959"/>
      <c r="E9" s="2565"/>
      <c r="F9" s="959"/>
      <c r="G9" s="2565"/>
      <c r="H9" s="959"/>
      <c r="I9" s="2565"/>
      <c r="J9" s="959"/>
      <c r="K9" s="2566"/>
    </row>
    <row r="10" spans="1:11" ht="20.149999999999999" customHeight="1" x14ac:dyDescent="0.25">
      <c r="A10" s="947" t="s">
        <v>438</v>
      </c>
      <c r="B10" s="962"/>
      <c r="C10" s="2567"/>
      <c r="D10" s="963"/>
      <c r="E10" s="2568"/>
      <c r="F10" s="2569"/>
      <c r="G10" s="2570"/>
      <c r="H10" s="964"/>
      <c r="I10" s="2570"/>
      <c r="J10" s="964"/>
      <c r="K10" s="2571"/>
    </row>
    <row r="11" spans="1:11" ht="20.149999999999999" customHeight="1" x14ac:dyDescent="0.25">
      <c r="A11" s="965" t="s">
        <v>439</v>
      </c>
      <c r="B11" s="966">
        <v>33</v>
      </c>
      <c r="C11" s="2572">
        <v>4.2000000000000003E-2</v>
      </c>
      <c r="D11" s="967">
        <v>34.6</v>
      </c>
      <c r="E11" s="2556">
        <v>4.3999999999999997E-2</v>
      </c>
      <c r="F11" s="2573">
        <v>35.200000000000003</v>
      </c>
      <c r="G11" s="2556">
        <v>4.5999999999999999E-2</v>
      </c>
      <c r="H11" s="949">
        <v>32.799999999999997</v>
      </c>
      <c r="I11" s="2556">
        <v>4.3999999999999997E-2</v>
      </c>
      <c r="J11" s="949">
        <v>31.1</v>
      </c>
      <c r="K11" s="2557">
        <v>4.3999999999999997E-2</v>
      </c>
    </row>
    <row r="12" spans="1:11" ht="20.149999999999999" customHeight="1" x14ac:dyDescent="0.25">
      <c r="A12" s="965" t="s">
        <v>701</v>
      </c>
      <c r="B12" s="966">
        <v>2</v>
      </c>
      <c r="C12" s="2572">
        <v>3.0000000000000001E-3</v>
      </c>
      <c r="D12" s="967">
        <v>2.9</v>
      </c>
      <c r="E12" s="2556">
        <v>4.0000000000000001E-3</v>
      </c>
      <c r="F12" s="967">
        <v>4.2</v>
      </c>
      <c r="G12" s="2556">
        <v>5.0000000000000001E-3</v>
      </c>
      <c r="H12" s="949">
        <v>3.8</v>
      </c>
      <c r="I12" s="2556">
        <v>5.0000000000000001E-3</v>
      </c>
      <c r="J12" s="949">
        <v>3.5</v>
      </c>
      <c r="K12" s="2557">
        <v>5.0000000000000001E-3</v>
      </c>
    </row>
    <row r="13" spans="1:11" ht="20.149999999999999" customHeight="1" x14ac:dyDescent="0.25">
      <c r="A13" s="947" t="s">
        <v>425</v>
      </c>
      <c r="B13" s="966">
        <v>35.299999999999997</v>
      </c>
      <c r="C13" s="2572">
        <v>4.4999999999999998E-2</v>
      </c>
      <c r="D13" s="967">
        <v>34.6</v>
      </c>
      <c r="E13" s="2556">
        <v>4.3999999999999997E-2</v>
      </c>
      <c r="F13" s="967">
        <v>34.299999999999997</v>
      </c>
      <c r="G13" s="2556">
        <v>4.4999999999999998E-2</v>
      </c>
      <c r="H13" s="949">
        <v>32.299999999999997</v>
      </c>
      <c r="I13" s="2556">
        <v>4.3999999999999997E-2</v>
      </c>
      <c r="J13" s="949">
        <v>30.7</v>
      </c>
      <c r="K13" s="2557">
        <v>4.2999999999999997E-2</v>
      </c>
    </row>
    <row r="14" spans="1:11" ht="20.149999999999999" customHeight="1" x14ac:dyDescent="0.25">
      <c r="A14" s="947" t="s">
        <v>420</v>
      </c>
      <c r="B14" s="966">
        <v>67.099999999999994</v>
      </c>
      <c r="C14" s="2572">
        <v>8.5000000000000006E-2</v>
      </c>
      <c r="D14" s="967">
        <v>63.3</v>
      </c>
      <c r="E14" s="2556">
        <v>8.1000000000000003E-2</v>
      </c>
      <c r="F14" s="967">
        <v>60.9</v>
      </c>
      <c r="G14" s="2556">
        <v>7.9000000000000001E-2</v>
      </c>
      <c r="H14" s="949">
        <v>56.2</v>
      </c>
      <c r="I14" s="2556">
        <v>7.5999999999999998E-2</v>
      </c>
      <c r="J14" s="949">
        <v>52.6</v>
      </c>
      <c r="K14" s="2557">
        <v>7.3999999999999996E-2</v>
      </c>
    </row>
    <row r="15" spans="1:11" ht="20.149999999999999" customHeight="1" x14ac:dyDescent="0.25">
      <c r="A15" s="947" t="s">
        <v>419</v>
      </c>
      <c r="B15" s="966">
        <v>9.4</v>
      </c>
      <c r="C15" s="2572">
        <v>1.2E-2</v>
      </c>
      <c r="D15" s="967">
        <v>9</v>
      </c>
      <c r="E15" s="2556">
        <v>1.2E-2</v>
      </c>
      <c r="F15" s="967">
        <v>9.1999999999999993</v>
      </c>
      <c r="G15" s="2556">
        <v>1.2E-2</v>
      </c>
      <c r="H15" s="949">
        <v>9</v>
      </c>
      <c r="I15" s="2556">
        <v>1.2E-2</v>
      </c>
      <c r="J15" s="949">
        <v>8.8000000000000007</v>
      </c>
      <c r="K15" s="2557">
        <v>1.2E-2</v>
      </c>
    </row>
    <row r="16" spans="1:11" ht="20.149999999999999" customHeight="1" x14ac:dyDescent="0.25">
      <c r="A16" s="947" t="s">
        <v>418</v>
      </c>
      <c r="B16" s="966">
        <v>10.3</v>
      </c>
      <c r="C16" s="2572">
        <v>1.2999999999999999E-2</v>
      </c>
      <c r="D16" s="967">
        <v>9.9</v>
      </c>
      <c r="E16" s="2556">
        <v>1.2999999999999999E-2</v>
      </c>
      <c r="F16" s="967">
        <v>9.3000000000000007</v>
      </c>
      <c r="G16" s="2556">
        <v>1.2E-2</v>
      </c>
      <c r="H16" s="949">
        <v>8.6999999999999993</v>
      </c>
      <c r="I16" s="2556">
        <v>1.2E-2</v>
      </c>
      <c r="J16" s="949">
        <v>8.8000000000000007</v>
      </c>
      <c r="K16" s="2557">
        <v>1.2E-2</v>
      </c>
    </row>
    <row r="17" spans="1:11" ht="20.149999999999999" customHeight="1" x14ac:dyDescent="0.25">
      <c r="A17" s="947" t="s">
        <v>417</v>
      </c>
      <c r="B17" s="966">
        <v>17.399999999999999</v>
      </c>
      <c r="C17" s="2572">
        <v>2.1999999999999999E-2</v>
      </c>
      <c r="D17" s="967">
        <v>15.9</v>
      </c>
      <c r="E17" s="2556">
        <v>0.02</v>
      </c>
      <c r="F17" s="967">
        <v>14.6</v>
      </c>
      <c r="G17" s="2556">
        <v>1.9E-2</v>
      </c>
      <c r="H17" s="949">
        <v>13.2</v>
      </c>
      <c r="I17" s="2556">
        <v>1.7999999999999999E-2</v>
      </c>
      <c r="J17" s="949">
        <v>12.2</v>
      </c>
      <c r="K17" s="2557">
        <v>1.7000000000000001E-2</v>
      </c>
    </row>
    <row r="18" spans="1:11" ht="20.149999999999999" customHeight="1" x14ac:dyDescent="0.25">
      <c r="A18" s="947" t="s">
        <v>422</v>
      </c>
      <c r="B18" s="966">
        <v>18.2</v>
      </c>
      <c r="C18" s="2572">
        <v>2.3E-2</v>
      </c>
      <c r="D18" s="967">
        <v>18.600000000000001</v>
      </c>
      <c r="E18" s="2556">
        <v>2.4E-2</v>
      </c>
      <c r="F18" s="967">
        <v>19.8</v>
      </c>
      <c r="G18" s="2556">
        <v>2.5999999999999999E-2</v>
      </c>
      <c r="H18" s="949">
        <v>18.899999999999999</v>
      </c>
      <c r="I18" s="2556">
        <v>2.5999999999999999E-2</v>
      </c>
      <c r="J18" s="949">
        <v>17.399999999999999</v>
      </c>
      <c r="K18" s="2557">
        <v>2.4E-2</v>
      </c>
    </row>
    <row r="19" spans="1:11" ht="20.149999999999999" customHeight="1" x14ac:dyDescent="0.25">
      <c r="A19" s="947" t="s">
        <v>421</v>
      </c>
      <c r="B19" s="966">
        <v>4</v>
      </c>
      <c r="C19" s="2572">
        <v>5.0000000000000001E-3</v>
      </c>
      <c r="D19" s="967">
        <v>4</v>
      </c>
      <c r="E19" s="2556">
        <v>5.0000000000000001E-3</v>
      </c>
      <c r="F19" s="967">
        <v>4</v>
      </c>
      <c r="G19" s="2556">
        <v>5.0000000000000001E-3</v>
      </c>
      <c r="H19" s="949">
        <v>3.9</v>
      </c>
      <c r="I19" s="2556">
        <v>5.0000000000000001E-3</v>
      </c>
      <c r="J19" s="949">
        <v>4</v>
      </c>
      <c r="K19" s="2557">
        <v>6.0000000000000001E-3</v>
      </c>
    </row>
    <row r="20" spans="1:11" ht="20.149999999999999" customHeight="1" x14ac:dyDescent="0.25">
      <c r="A20" s="947" t="s">
        <v>236</v>
      </c>
      <c r="B20" s="966">
        <v>6.5</v>
      </c>
      <c r="C20" s="2572">
        <v>8.0000000000000002E-3</v>
      </c>
      <c r="D20" s="967">
        <v>6.2</v>
      </c>
      <c r="E20" s="2556">
        <v>8.0000000000000002E-3</v>
      </c>
      <c r="F20" s="967">
        <v>6.2</v>
      </c>
      <c r="G20" s="2556">
        <v>8.0000000000000002E-3</v>
      </c>
      <c r="H20" s="949">
        <v>5.8</v>
      </c>
      <c r="I20" s="2556">
        <v>8.0000000000000002E-3</v>
      </c>
      <c r="J20" s="949">
        <v>5.4</v>
      </c>
      <c r="K20" s="2557">
        <v>8.0000000000000002E-3</v>
      </c>
    </row>
    <row r="21" spans="1:11" ht="20.149999999999999" customHeight="1" x14ac:dyDescent="0.25">
      <c r="A21" s="947" t="s">
        <v>235</v>
      </c>
      <c r="B21" s="966">
        <v>2.7</v>
      </c>
      <c r="C21" s="2572">
        <v>3.0000000000000001E-3</v>
      </c>
      <c r="D21" s="967">
        <v>2.6</v>
      </c>
      <c r="E21" s="2556">
        <v>3.0000000000000001E-3</v>
      </c>
      <c r="F21" s="967">
        <v>2.8</v>
      </c>
      <c r="G21" s="2556">
        <v>4.0000000000000001E-3</v>
      </c>
      <c r="H21" s="949">
        <v>2.8</v>
      </c>
      <c r="I21" s="2556">
        <v>4.0000000000000001E-3</v>
      </c>
      <c r="J21" s="949">
        <v>2.7</v>
      </c>
      <c r="K21" s="2557">
        <v>4.0000000000000001E-3</v>
      </c>
    </row>
    <row r="22" spans="1:11" ht="20.149999999999999" customHeight="1" x14ac:dyDescent="0.25">
      <c r="A22" s="947" t="s">
        <v>362</v>
      </c>
      <c r="B22" s="966">
        <v>30</v>
      </c>
      <c r="C22" s="2572">
        <v>3.7999999999999999E-2</v>
      </c>
      <c r="D22" s="967">
        <v>29.4</v>
      </c>
      <c r="E22" s="2556">
        <v>3.7999999999999999E-2</v>
      </c>
      <c r="F22" s="967">
        <v>27.1</v>
      </c>
      <c r="G22" s="2556">
        <v>3.5000000000000003E-2</v>
      </c>
      <c r="H22" s="949">
        <v>24.5</v>
      </c>
      <c r="I22" s="2556">
        <v>3.3000000000000002E-2</v>
      </c>
      <c r="J22" s="949">
        <v>22.3</v>
      </c>
      <c r="K22" s="2557">
        <v>3.1E-2</v>
      </c>
    </row>
    <row r="23" spans="1:11" ht="20.149999999999999" customHeight="1" x14ac:dyDescent="0.25">
      <c r="A23" s="947" t="s">
        <v>386</v>
      </c>
      <c r="B23" s="966">
        <v>7.9</v>
      </c>
      <c r="C23" s="2572">
        <v>0.01</v>
      </c>
      <c r="D23" s="967">
        <v>8</v>
      </c>
      <c r="E23" s="2556">
        <v>0.01</v>
      </c>
      <c r="F23" s="967">
        <v>7.2</v>
      </c>
      <c r="G23" s="2556">
        <v>8.9999999999999993E-3</v>
      </c>
      <c r="H23" s="949">
        <v>7.2</v>
      </c>
      <c r="I23" s="2556">
        <v>0.01</v>
      </c>
      <c r="J23" s="949">
        <v>6.8</v>
      </c>
      <c r="K23" s="2557">
        <v>8.9999999999999993E-3</v>
      </c>
    </row>
    <row r="24" spans="1:11" ht="20.149999999999999" customHeight="1" x14ac:dyDescent="0.25">
      <c r="A24" s="947" t="s">
        <v>341</v>
      </c>
      <c r="B24" s="966">
        <v>27.2</v>
      </c>
      <c r="C24" s="2572">
        <v>3.4000000000000002E-2</v>
      </c>
      <c r="D24" s="967">
        <v>26.2</v>
      </c>
      <c r="E24" s="2556">
        <v>3.3000000000000002E-2</v>
      </c>
      <c r="F24" s="967">
        <v>25.3</v>
      </c>
      <c r="G24" s="2556">
        <v>3.3000000000000002E-2</v>
      </c>
      <c r="H24" s="949">
        <v>19.600000000000001</v>
      </c>
      <c r="I24" s="2556">
        <v>2.7E-2</v>
      </c>
      <c r="J24" s="949">
        <v>19.7</v>
      </c>
      <c r="K24" s="2557">
        <v>2.8000000000000001E-2</v>
      </c>
    </row>
    <row r="25" spans="1:11" ht="20.149999999999999" customHeight="1" x14ac:dyDescent="0.25">
      <c r="A25" s="947" t="s">
        <v>381</v>
      </c>
      <c r="B25" s="966">
        <v>2.6</v>
      </c>
      <c r="C25" s="2572">
        <v>3.0000000000000001E-3</v>
      </c>
      <c r="D25" s="967">
        <v>2.4</v>
      </c>
      <c r="E25" s="2556">
        <v>3.0000000000000001E-3</v>
      </c>
      <c r="F25" s="967">
        <v>2.4</v>
      </c>
      <c r="G25" s="2556">
        <v>3.0000000000000001E-3</v>
      </c>
      <c r="H25" s="949">
        <v>2.4</v>
      </c>
      <c r="I25" s="2556">
        <v>3.0000000000000001E-3</v>
      </c>
      <c r="J25" s="949">
        <v>1.8</v>
      </c>
      <c r="K25" s="2557">
        <v>3.0000000000000001E-3</v>
      </c>
    </row>
    <row r="26" spans="1:11" ht="20.149999999999999" customHeight="1" x14ac:dyDescent="0.25">
      <c r="A26" s="947" t="s">
        <v>370</v>
      </c>
      <c r="B26" s="966">
        <v>12.5</v>
      </c>
      <c r="C26" s="2572">
        <v>1.6E-2</v>
      </c>
      <c r="D26" s="967">
        <v>12.3</v>
      </c>
      <c r="E26" s="2556">
        <v>1.6E-2</v>
      </c>
      <c r="F26" s="967">
        <v>11.8</v>
      </c>
      <c r="G26" s="2556">
        <v>1.4999999999999999E-2</v>
      </c>
      <c r="H26" s="949">
        <v>11.8</v>
      </c>
      <c r="I26" s="2556">
        <v>1.6E-2</v>
      </c>
      <c r="J26" s="949">
        <v>11.4</v>
      </c>
      <c r="K26" s="2557">
        <v>1.6E-2</v>
      </c>
    </row>
    <row r="27" spans="1:11" ht="20.149999999999999" customHeight="1" x14ac:dyDescent="0.25">
      <c r="A27" s="947" t="s">
        <v>368</v>
      </c>
      <c r="B27" s="966">
        <v>2.7</v>
      </c>
      <c r="C27" s="2572">
        <v>3.0000000000000001E-3</v>
      </c>
      <c r="D27" s="967">
        <v>2.5</v>
      </c>
      <c r="E27" s="2556">
        <v>3.0000000000000001E-3</v>
      </c>
      <c r="F27" s="967">
        <v>2.5</v>
      </c>
      <c r="G27" s="2556">
        <v>3.0000000000000001E-3</v>
      </c>
      <c r="H27" s="949">
        <v>2.2999999999999998</v>
      </c>
      <c r="I27" s="2556">
        <v>3.0000000000000001E-3</v>
      </c>
      <c r="J27" s="949">
        <v>2.2000000000000002</v>
      </c>
      <c r="K27" s="2557">
        <v>3.0000000000000001E-3</v>
      </c>
    </row>
    <row r="28" spans="1:11" ht="20.149999999999999" customHeight="1" x14ac:dyDescent="0.25">
      <c r="A28" s="947" t="s">
        <v>645</v>
      </c>
      <c r="B28" s="966">
        <v>24.1</v>
      </c>
      <c r="C28" s="2572">
        <v>0.03</v>
      </c>
      <c r="D28" s="967">
        <v>23</v>
      </c>
      <c r="E28" s="2556">
        <v>2.9000000000000001E-2</v>
      </c>
      <c r="F28" s="967">
        <v>23.6</v>
      </c>
      <c r="G28" s="2556">
        <v>3.1E-2</v>
      </c>
      <c r="H28" s="949">
        <v>23.1</v>
      </c>
      <c r="I28" s="2556">
        <v>3.1E-2</v>
      </c>
      <c r="J28" s="949">
        <v>20.8</v>
      </c>
      <c r="K28" s="2557">
        <v>2.9000000000000001E-2</v>
      </c>
    </row>
    <row r="29" spans="1:11" ht="20.149999999999999" customHeight="1" x14ac:dyDescent="0.25">
      <c r="A29" s="950" t="s">
        <v>658</v>
      </c>
      <c r="B29" s="968">
        <v>7</v>
      </c>
      <c r="C29" s="2574">
        <v>8.9999999999999993E-3</v>
      </c>
      <c r="D29" s="969">
        <v>7</v>
      </c>
      <c r="E29" s="2559">
        <v>8.9999999999999993E-3</v>
      </c>
      <c r="F29" s="969">
        <v>6.2</v>
      </c>
      <c r="G29" s="2559">
        <v>8.0000000000000002E-3</v>
      </c>
      <c r="H29" s="952">
        <v>5.7</v>
      </c>
      <c r="I29" s="2559">
        <v>8.0000000000000002E-3</v>
      </c>
      <c r="J29" s="952">
        <v>6</v>
      </c>
      <c r="K29" s="2560">
        <v>8.0000000000000002E-3</v>
      </c>
    </row>
    <row r="30" spans="1:11" ht="20.149999999999999" customHeight="1" x14ac:dyDescent="0.25">
      <c r="A30" s="953" t="s">
        <v>344</v>
      </c>
      <c r="B30" s="970">
        <v>319.89999999999998</v>
      </c>
      <c r="C30" s="2575">
        <v>0.40400000000000003</v>
      </c>
      <c r="D30" s="971">
        <v>312.39999999999998</v>
      </c>
      <c r="E30" s="2562">
        <v>0.39900000000000002</v>
      </c>
      <c r="F30" s="2576">
        <v>306.60000000000002</v>
      </c>
      <c r="G30" s="2562">
        <v>0.39800000000000002</v>
      </c>
      <c r="H30" s="955">
        <v>284</v>
      </c>
      <c r="I30" s="2562">
        <v>0.38500000000000001</v>
      </c>
      <c r="J30" s="955">
        <v>268.2</v>
      </c>
      <c r="K30" s="2563">
        <v>0.376</v>
      </c>
    </row>
    <row r="31" spans="1:11" ht="20.149999999999999" customHeight="1" x14ac:dyDescent="0.25">
      <c r="A31" s="972"/>
      <c r="B31" s="973"/>
      <c r="C31" s="958"/>
      <c r="D31" s="974"/>
      <c r="E31" s="960"/>
      <c r="F31" s="974"/>
      <c r="G31" s="960"/>
      <c r="H31" s="959"/>
      <c r="I31" s="960"/>
      <c r="J31" s="959"/>
      <c r="K31" s="961"/>
    </row>
    <row r="32" spans="1:11" ht="20.149999999999999" customHeight="1" x14ac:dyDescent="0.25">
      <c r="A32" s="975" t="s">
        <v>442</v>
      </c>
      <c r="B32" s="966">
        <v>791.7</v>
      </c>
      <c r="C32" s="2577">
        <v>1</v>
      </c>
      <c r="D32" s="967">
        <v>782.5</v>
      </c>
      <c r="E32" s="2578">
        <v>1</v>
      </c>
      <c r="F32" s="967">
        <v>769.8</v>
      </c>
      <c r="G32" s="2578">
        <v>1</v>
      </c>
      <c r="H32" s="949">
        <v>738.4</v>
      </c>
      <c r="I32" s="2578">
        <v>1</v>
      </c>
      <c r="J32" s="949">
        <v>714</v>
      </c>
      <c r="K32" s="2579">
        <v>1</v>
      </c>
    </row>
    <row r="33" spans="1:11" ht="29" x14ac:dyDescent="0.25">
      <c r="A33" s="1492" t="s">
        <v>443</v>
      </c>
      <c r="B33" s="966">
        <v>-5.8</v>
      </c>
      <c r="C33" s="2580"/>
      <c r="D33" s="967">
        <v>-5.5</v>
      </c>
      <c r="E33" s="2581"/>
      <c r="F33" s="967">
        <v>-5.3</v>
      </c>
      <c r="G33" s="2582"/>
      <c r="H33" s="949">
        <v>-5.2</v>
      </c>
      <c r="I33" s="2582"/>
      <c r="J33" s="949">
        <v>-5.3</v>
      </c>
      <c r="K33" s="2583"/>
    </row>
    <row r="34" spans="1:11" ht="29" x14ac:dyDescent="0.25">
      <c r="A34" s="1493" t="s">
        <v>830</v>
      </c>
      <c r="B34" s="968">
        <v>785.9</v>
      </c>
      <c r="C34" s="2584"/>
      <c r="D34" s="969">
        <v>777</v>
      </c>
      <c r="E34" s="2585"/>
      <c r="F34" s="969">
        <v>764.5</v>
      </c>
      <c r="G34" s="2586"/>
      <c r="H34" s="952">
        <v>733.2</v>
      </c>
      <c r="I34" s="2586"/>
      <c r="J34" s="952">
        <v>708.7</v>
      </c>
      <c r="K34" s="2587"/>
    </row>
    <row r="35" spans="1:11" ht="20.149999999999999" customHeight="1" x14ac:dyDescent="0.25">
      <c r="A35" s="976"/>
      <c r="B35" s="976"/>
      <c r="C35" s="976"/>
      <c r="D35" s="977"/>
      <c r="E35" s="977"/>
      <c r="F35" s="977"/>
      <c r="G35" s="978"/>
      <c r="H35" s="978"/>
      <c r="I35" s="978"/>
      <c r="J35" s="978"/>
      <c r="K35" s="978"/>
    </row>
    <row r="36" spans="1:11" ht="12" customHeight="1" x14ac:dyDescent="0.25">
      <c r="A36" s="3204" t="s">
        <v>444</v>
      </c>
      <c r="B36" s="3124" t="s">
        <v>38</v>
      </c>
      <c r="C36" s="3124" t="s">
        <v>38</v>
      </c>
      <c r="D36" s="3124" t="s">
        <v>38</v>
      </c>
      <c r="E36" s="3124" t="s">
        <v>38</v>
      </c>
      <c r="F36" s="3124" t="s">
        <v>38</v>
      </c>
      <c r="G36" s="3124" t="s">
        <v>38</v>
      </c>
      <c r="H36" s="3124" t="s">
        <v>38</v>
      </c>
      <c r="I36" s="3124" t="s">
        <v>38</v>
      </c>
      <c r="J36" s="3124" t="s">
        <v>38</v>
      </c>
      <c r="K36" s="3124" t="s">
        <v>38</v>
      </c>
    </row>
    <row r="37" spans="1:11" ht="12" customHeight="1" x14ac:dyDescent="0.25">
      <c r="A37" s="3204" t="s">
        <v>831</v>
      </c>
      <c r="B37" s="3124" t="s">
        <v>38</v>
      </c>
      <c r="C37" s="3124" t="s">
        <v>38</v>
      </c>
      <c r="D37" s="3124" t="s">
        <v>38</v>
      </c>
      <c r="E37" s="3124" t="s">
        <v>38</v>
      </c>
      <c r="F37" s="3124" t="s">
        <v>38</v>
      </c>
      <c r="G37" s="3124" t="s">
        <v>38</v>
      </c>
      <c r="H37" s="3124" t="s">
        <v>38</v>
      </c>
      <c r="I37" s="3124" t="s">
        <v>38</v>
      </c>
      <c r="J37" s="3124" t="s">
        <v>38</v>
      </c>
      <c r="K37" s="3124" t="s">
        <v>38</v>
      </c>
    </row>
    <row r="38" spans="1:11" ht="12" customHeight="1" x14ac:dyDescent="0.25">
      <c r="A38" s="3204" t="s">
        <v>445</v>
      </c>
      <c r="B38" s="3124" t="s">
        <v>38</v>
      </c>
      <c r="C38" s="3124" t="s">
        <v>38</v>
      </c>
      <c r="D38" s="3124" t="s">
        <v>38</v>
      </c>
      <c r="E38" s="3124" t="s">
        <v>38</v>
      </c>
      <c r="F38" s="3124" t="s">
        <v>38</v>
      </c>
      <c r="G38" s="3124" t="s">
        <v>38</v>
      </c>
      <c r="H38" s="3124" t="s">
        <v>38</v>
      </c>
      <c r="I38" s="3124" t="s">
        <v>38</v>
      </c>
      <c r="J38" s="3124" t="s">
        <v>38</v>
      </c>
      <c r="K38" s="3124" t="s">
        <v>38</v>
      </c>
    </row>
    <row r="39" spans="1:11" ht="10.4" customHeight="1" x14ac:dyDescent="0.25">
      <c r="A39" s="979"/>
      <c r="B39" s="979"/>
      <c r="C39" s="979"/>
      <c r="D39" s="979"/>
      <c r="E39" s="979"/>
      <c r="F39" s="979"/>
      <c r="G39" s="979"/>
      <c r="H39" s="979"/>
      <c r="I39" s="979"/>
      <c r="J39" s="979"/>
      <c r="K39" s="979"/>
    </row>
  </sheetData>
  <mergeCells count="9">
    <mergeCell ref="A36:K36"/>
    <mergeCell ref="A37:K37"/>
    <mergeCell ref="A38:K38"/>
    <mergeCell ref="A2:K2"/>
    <mergeCell ref="B3:C3"/>
    <mergeCell ref="D3:E3"/>
    <mergeCell ref="F3:G3"/>
    <mergeCell ref="H3:I3"/>
    <mergeCell ref="J3:K3"/>
  </mergeCells>
  <hyperlinks>
    <hyperlink ref="A1" location="TDM!A1" display="Retour à la table des matières" xr:uid="{00000000-0004-0000-1700-000000000000}"/>
  </hyperlinks>
  <printOptions horizontalCentered="1"/>
  <pageMargins left="0.51181102362204722" right="0.51181102362204722" top="0.51181102362204722" bottom="0.51181102362204722" header="0.23622047244094491" footer="0.23622047244094491"/>
  <pageSetup scale="65" orientation="landscape" r:id="rId1"/>
  <headerFooter>
    <oddFooter>&amp;L&amp;G&amp;C&amp;"Scotia,Regular"&amp;9Informations financières supplémentaires (IFS)&amp;R&amp;"Scotia,Regular"&amp;9&amp;A</oddFooter>
  </headerFooter>
  <legacyDrawingHF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4891C9-BE2C-4C1D-93FB-64A7D5A919B3}">
  <sheetPr>
    <pageSetUpPr fitToPage="1"/>
  </sheetPr>
  <dimension ref="A1:J63"/>
  <sheetViews>
    <sheetView showGridLines="0" zoomScaleNormal="100" workbookViewId="0"/>
  </sheetViews>
  <sheetFormatPr defaultColWidth="8.7265625" defaultRowHeight="12.5" x14ac:dyDescent="0.25"/>
  <cols>
    <col min="1" max="1" width="92.7265625" style="25" customWidth="1"/>
    <col min="2" max="8" width="10.7265625" style="25" customWidth="1"/>
    <col min="9" max="10" width="10.1796875" style="25" customWidth="1"/>
    <col min="11" max="16384" width="8.7265625" style="25"/>
  </cols>
  <sheetData>
    <row r="1" spans="1:10" ht="20.149999999999999" customHeight="1" x14ac:dyDescent="0.25">
      <c r="A1" s="24" t="s">
        <v>37</v>
      </c>
    </row>
    <row r="2" spans="1:10" ht="25" customHeight="1" x14ac:dyDescent="0.25">
      <c r="A2" s="3240" t="s">
        <v>446</v>
      </c>
      <c r="B2" s="3240" t="s">
        <v>38</v>
      </c>
      <c r="C2" s="3240" t="s">
        <v>38</v>
      </c>
      <c r="D2" s="3240" t="s">
        <v>38</v>
      </c>
      <c r="E2" s="3240" t="s">
        <v>38</v>
      </c>
      <c r="F2" s="3240" t="s">
        <v>38</v>
      </c>
      <c r="G2" s="3240" t="s">
        <v>38</v>
      </c>
      <c r="H2" s="3240" t="s">
        <v>38</v>
      </c>
      <c r="I2" s="3240" t="s">
        <v>38</v>
      </c>
      <c r="J2" s="3240" t="s">
        <v>38</v>
      </c>
    </row>
    <row r="3" spans="1:10" ht="13" customHeight="1" x14ac:dyDescent="0.25">
      <c r="A3" s="980"/>
      <c r="B3" s="3279" t="s">
        <v>174</v>
      </c>
      <c r="C3" s="3280" t="s">
        <v>38</v>
      </c>
      <c r="D3" s="3281" t="s">
        <v>240</v>
      </c>
      <c r="E3" s="3282" t="s">
        <v>38</v>
      </c>
      <c r="F3" s="3282" t="s">
        <v>38</v>
      </c>
      <c r="G3" s="3283" t="s">
        <v>38</v>
      </c>
      <c r="H3" s="3284" t="s">
        <v>241</v>
      </c>
      <c r="I3" s="3282" t="s">
        <v>38</v>
      </c>
      <c r="J3" s="3282" t="s">
        <v>38</v>
      </c>
    </row>
    <row r="4" spans="1:10" ht="13" customHeight="1" x14ac:dyDescent="0.25">
      <c r="A4" s="981" t="s">
        <v>46</v>
      </c>
      <c r="B4" s="982" t="s">
        <v>49</v>
      </c>
      <c r="C4" s="983" t="s">
        <v>45</v>
      </c>
      <c r="D4" s="984" t="s">
        <v>569</v>
      </c>
      <c r="E4" s="985" t="s">
        <v>570</v>
      </c>
      <c r="F4" s="985" t="s">
        <v>49</v>
      </c>
      <c r="G4" s="983" t="s">
        <v>45</v>
      </c>
      <c r="H4" s="986" t="s">
        <v>569</v>
      </c>
      <c r="I4" s="985" t="s">
        <v>570</v>
      </c>
      <c r="J4" s="985" t="s">
        <v>49</v>
      </c>
    </row>
    <row r="5" spans="1:10" ht="13" customHeight="1" x14ac:dyDescent="0.25">
      <c r="A5" s="865" t="s">
        <v>192</v>
      </c>
      <c r="B5" s="871"/>
      <c r="C5" s="987"/>
      <c r="D5" s="988"/>
      <c r="E5" s="989"/>
      <c r="F5" s="989"/>
      <c r="G5" s="987"/>
      <c r="H5" s="988"/>
      <c r="I5" s="989"/>
      <c r="J5" s="989"/>
    </row>
    <row r="6" spans="1:10" ht="13" customHeight="1" x14ac:dyDescent="0.25">
      <c r="A6" s="990" t="s">
        <v>447</v>
      </c>
      <c r="B6" s="2588">
        <v>764</v>
      </c>
      <c r="C6" s="991">
        <v>704</v>
      </c>
      <c r="D6" s="992">
        <v>603</v>
      </c>
      <c r="E6" s="993">
        <v>554</v>
      </c>
      <c r="F6" s="993">
        <v>561</v>
      </c>
      <c r="G6" s="994">
        <v>616</v>
      </c>
      <c r="H6" s="995">
        <v>614</v>
      </c>
      <c r="I6" s="993">
        <v>624</v>
      </c>
      <c r="J6" s="993">
        <v>714</v>
      </c>
    </row>
    <row r="7" spans="1:10" ht="13" customHeight="1" x14ac:dyDescent="0.25">
      <c r="A7" s="990" t="s">
        <v>441</v>
      </c>
      <c r="B7" s="2588">
        <v>393</v>
      </c>
      <c r="C7" s="991">
        <v>375</v>
      </c>
      <c r="D7" s="992">
        <v>314</v>
      </c>
      <c r="E7" s="993">
        <v>217</v>
      </c>
      <c r="F7" s="993">
        <v>263</v>
      </c>
      <c r="G7" s="994">
        <v>288</v>
      </c>
      <c r="H7" s="995">
        <v>327</v>
      </c>
      <c r="I7" s="993">
        <v>297</v>
      </c>
      <c r="J7" s="993">
        <v>326</v>
      </c>
    </row>
    <row r="8" spans="1:10" ht="13" customHeight="1" x14ac:dyDescent="0.25">
      <c r="A8" s="996" t="s">
        <v>189</v>
      </c>
      <c r="B8" s="2588">
        <v>1157</v>
      </c>
      <c r="C8" s="991">
        <v>1079</v>
      </c>
      <c r="D8" s="992">
        <v>917</v>
      </c>
      <c r="E8" s="993">
        <v>771</v>
      </c>
      <c r="F8" s="993">
        <v>824</v>
      </c>
      <c r="G8" s="994">
        <v>904</v>
      </c>
      <c r="H8" s="995">
        <v>941</v>
      </c>
      <c r="I8" s="993">
        <v>921</v>
      </c>
      <c r="J8" s="993">
        <v>1040</v>
      </c>
    </row>
    <row r="9" spans="1:10" ht="13" customHeight="1" x14ac:dyDescent="0.25">
      <c r="A9" s="990" t="s">
        <v>447</v>
      </c>
      <c r="B9" s="2589">
        <v>1920</v>
      </c>
      <c r="C9" s="991">
        <v>1793</v>
      </c>
      <c r="D9" s="992">
        <v>1623</v>
      </c>
      <c r="E9" s="993">
        <v>1488</v>
      </c>
      <c r="F9" s="993">
        <v>1462</v>
      </c>
      <c r="G9" s="994">
        <v>1504</v>
      </c>
      <c r="H9" s="995">
        <v>1537</v>
      </c>
      <c r="I9" s="993">
        <v>1741</v>
      </c>
      <c r="J9" s="993">
        <v>1945</v>
      </c>
    </row>
    <row r="10" spans="1:10" ht="13" customHeight="1" x14ac:dyDescent="0.25">
      <c r="A10" s="997" t="s">
        <v>357</v>
      </c>
      <c r="B10" s="2589">
        <v>349</v>
      </c>
      <c r="C10" s="991">
        <v>353</v>
      </c>
      <c r="D10" s="992">
        <v>361</v>
      </c>
      <c r="E10" s="993">
        <v>345</v>
      </c>
      <c r="F10" s="993">
        <v>342</v>
      </c>
      <c r="G10" s="994">
        <v>368</v>
      </c>
      <c r="H10" s="995">
        <v>386</v>
      </c>
      <c r="I10" s="993">
        <v>419</v>
      </c>
      <c r="J10" s="993">
        <v>421</v>
      </c>
    </row>
    <row r="11" spans="1:10" ht="13" customHeight="1" x14ac:dyDescent="0.25">
      <c r="A11" s="997" t="s">
        <v>356</v>
      </c>
      <c r="B11" s="2589">
        <v>575</v>
      </c>
      <c r="C11" s="991">
        <v>497</v>
      </c>
      <c r="D11" s="992">
        <v>464</v>
      </c>
      <c r="E11" s="993">
        <v>411</v>
      </c>
      <c r="F11" s="993">
        <v>399</v>
      </c>
      <c r="G11" s="994">
        <v>387</v>
      </c>
      <c r="H11" s="995">
        <v>380</v>
      </c>
      <c r="I11" s="993">
        <v>410</v>
      </c>
      <c r="J11" s="993">
        <v>419</v>
      </c>
    </row>
    <row r="12" spans="1:10" ht="13" customHeight="1" x14ac:dyDescent="0.25">
      <c r="A12" s="997" t="s">
        <v>268</v>
      </c>
      <c r="B12" s="2589">
        <v>294</v>
      </c>
      <c r="C12" s="991">
        <v>272</v>
      </c>
      <c r="D12" s="992">
        <v>270</v>
      </c>
      <c r="E12" s="993">
        <v>256</v>
      </c>
      <c r="F12" s="993">
        <v>251</v>
      </c>
      <c r="G12" s="994">
        <v>274</v>
      </c>
      <c r="H12" s="995">
        <v>283</v>
      </c>
      <c r="I12" s="993">
        <v>373</v>
      </c>
      <c r="J12" s="993">
        <v>467</v>
      </c>
    </row>
    <row r="13" spans="1:10" ht="13" customHeight="1" x14ac:dyDescent="0.25">
      <c r="A13" s="997" t="s">
        <v>336</v>
      </c>
      <c r="B13" s="2589">
        <v>489</v>
      </c>
      <c r="C13" s="991">
        <v>478</v>
      </c>
      <c r="D13" s="992">
        <v>349</v>
      </c>
      <c r="E13" s="993">
        <v>295</v>
      </c>
      <c r="F13" s="993">
        <v>282</v>
      </c>
      <c r="G13" s="994">
        <v>281</v>
      </c>
      <c r="H13" s="995">
        <v>266</v>
      </c>
      <c r="I13" s="993">
        <v>295</v>
      </c>
      <c r="J13" s="993">
        <v>330</v>
      </c>
    </row>
    <row r="14" spans="1:10" ht="13" customHeight="1" x14ac:dyDescent="0.25">
      <c r="A14" s="997" t="s">
        <v>333</v>
      </c>
      <c r="B14" s="2589">
        <v>139</v>
      </c>
      <c r="C14" s="991">
        <v>127</v>
      </c>
      <c r="D14" s="992">
        <v>118</v>
      </c>
      <c r="E14" s="993">
        <v>128</v>
      </c>
      <c r="F14" s="993">
        <v>133</v>
      </c>
      <c r="G14" s="994">
        <v>147</v>
      </c>
      <c r="H14" s="995">
        <v>171</v>
      </c>
      <c r="I14" s="993">
        <v>188</v>
      </c>
      <c r="J14" s="993">
        <v>251</v>
      </c>
    </row>
    <row r="15" spans="1:10" ht="13" customHeight="1" x14ac:dyDescent="0.25">
      <c r="A15" s="997" t="s">
        <v>659</v>
      </c>
      <c r="B15" s="2589">
        <v>74</v>
      </c>
      <c r="C15" s="991">
        <v>66</v>
      </c>
      <c r="D15" s="992">
        <v>61</v>
      </c>
      <c r="E15" s="993">
        <v>53</v>
      </c>
      <c r="F15" s="993">
        <v>55</v>
      </c>
      <c r="G15" s="994">
        <v>47</v>
      </c>
      <c r="H15" s="995">
        <v>51</v>
      </c>
      <c r="I15" s="993">
        <v>56</v>
      </c>
      <c r="J15" s="993">
        <v>57</v>
      </c>
    </row>
    <row r="16" spans="1:10" ht="13" customHeight="1" x14ac:dyDescent="0.25">
      <c r="A16" s="990" t="s">
        <v>441</v>
      </c>
      <c r="B16" s="2588">
        <v>2085</v>
      </c>
      <c r="C16" s="991">
        <v>2073</v>
      </c>
      <c r="D16" s="992">
        <v>2072</v>
      </c>
      <c r="E16" s="993">
        <v>1836</v>
      </c>
      <c r="F16" s="993">
        <v>1778</v>
      </c>
      <c r="G16" s="994">
        <v>1764</v>
      </c>
      <c r="H16" s="995">
        <v>1733</v>
      </c>
      <c r="I16" s="993">
        <v>1810</v>
      </c>
      <c r="J16" s="993">
        <v>1812</v>
      </c>
    </row>
    <row r="17" spans="1:10" ht="13" customHeight="1" x14ac:dyDescent="0.25">
      <c r="A17" s="997" t="s">
        <v>357</v>
      </c>
      <c r="B17" s="2588">
        <v>338</v>
      </c>
      <c r="C17" s="991">
        <v>340</v>
      </c>
      <c r="D17" s="992">
        <v>357</v>
      </c>
      <c r="E17" s="993">
        <v>349</v>
      </c>
      <c r="F17" s="993">
        <v>358</v>
      </c>
      <c r="G17" s="994">
        <v>361</v>
      </c>
      <c r="H17" s="995">
        <v>358</v>
      </c>
      <c r="I17" s="993">
        <v>367</v>
      </c>
      <c r="J17" s="993">
        <v>374</v>
      </c>
    </row>
    <row r="18" spans="1:10" ht="13" customHeight="1" x14ac:dyDescent="0.25">
      <c r="A18" s="997" t="s">
        <v>356</v>
      </c>
      <c r="B18" s="2588">
        <v>540</v>
      </c>
      <c r="C18" s="991">
        <v>537</v>
      </c>
      <c r="D18" s="992">
        <v>556</v>
      </c>
      <c r="E18" s="993">
        <v>406</v>
      </c>
      <c r="F18" s="993">
        <v>396</v>
      </c>
      <c r="G18" s="994">
        <v>388</v>
      </c>
      <c r="H18" s="995">
        <v>378</v>
      </c>
      <c r="I18" s="993">
        <v>361</v>
      </c>
      <c r="J18" s="993">
        <v>297</v>
      </c>
    </row>
    <row r="19" spans="1:10" ht="13" customHeight="1" x14ac:dyDescent="0.25">
      <c r="A19" s="997" t="s">
        <v>268</v>
      </c>
      <c r="B19" s="2588">
        <v>442</v>
      </c>
      <c r="C19" s="991">
        <v>448</v>
      </c>
      <c r="D19" s="992">
        <v>491</v>
      </c>
      <c r="E19" s="993">
        <v>468</v>
      </c>
      <c r="F19" s="993">
        <v>419</v>
      </c>
      <c r="G19" s="994">
        <v>436</v>
      </c>
      <c r="H19" s="995">
        <v>411</v>
      </c>
      <c r="I19" s="993">
        <v>411</v>
      </c>
      <c r="J19" s="993">
        <v>399</v>
      </c>
    </row>
    <row r="20" spans="1:10" ht="13" customHeight="1" x14ac:dyDescent="0.25">
      <c r="A20" s="997" t="s">
        <v>336</v>
      </c>
      <c r="B20" s="2588">
        <v>501</v>
      </c>
      <c r="C20" s="991">
        <v>475</v>
      </c>
      <c r="D20" s="992">
        <v>391</v>
      </c>
      <c r="E20" s="993">
        <v>311</v>
      </c>
      <c r="F20" s="993">
        <v>261</v>
      </c>
      <c r="G20" s="994">
        <v>259</v>
      </c>
      <c r="H20" s="995">
        <v>246</v>
      </c>
      <c r="I20" s="993">
        <v>316</v>
      </c>
      <c r="J20" s="993">
        <v>379</v>
      </c>
    </row>
    <row r="21" spans="1:10" ht="13" customHeight="1" x14ac:dyDescent="0.25">
      <c r="A21" s="997" t="s">
        <v>333</v>
      </c>
      <c r="B21" s="2588">
        <v>166</v>
      </c>
      <c r="C21" s="991">
        <v>179</v>
      </c>
      <c r="D21" s="992">
        <v>183</v>
      </c>
      <c r="E21" s="993">
        <v>208</v>
      </c>
      <c r="F21" s="993">
        <v>244</v>
      </c>
      <c r="G21" s="994">
        <v>226</v>
      </c>
      <c r="H21" s="995">
        <v>247</v>
      </c>
      <c r="I21" s="993">
        <v>260</v>
      </c>
      <c r="J21" s="993">
        <v>270</v>
      </c>
    </row>
    <row r="22" spans="1:10" ht="13" customHeight="1" x14ac:dyDescent="0.25">
      <c r="A22" s="997" t="s">
        <v>645</v>
      </c>
      <c r="B22" s="2588">
        <v>98</v>
      </c>
      <c r="C22" s="991">
        <v>94</v>
      </c>
      <c r="D22" s="992">
        <v>94</v>
      </c>
      <c r="E22" s="993">
        <v>94</v>
      </c>
      <c r="F22" s="993">
        <v>100</v>
      </c>
      <c r="G22" s="994">
        <v>94</v>
      </c>
      <c r="H22" s="995">
        <v>93</v>
      </c>
      <c r="I22" s="993">
        <v>95</v>
      </c>
      <c r="J22" s="993">
        <v>93</v>
      </c>
    </row>
    <row r="23" spans="1:10" ht="13" customHeight="1" x14ac:dyDescent="0.25">
      <c r="A23" s="996" t="s">
        <v>51</v>
      </c>
      <c r="B23" s="2588">
        <v>4005</v>
      </c>
      <c r="C23" s="991">
        <v>3866</v>
      </c>
      <c r="D23" s="992">
        <v>3695</v>
      </c>
      <c r="E23" s="993">
        <v>3324</v>
      </c>
      <c r="F23" s="993">
        <v>3240</v>
      </c>
      <c r="G23" s="994">
        <v>3268</v>
      </c>
      <c r="H23" s="995">
        <v>3270</v>
      </c>
      <c r="I23" s="993">
        <v>3551</v>
      </c>
      <c r="J23" s="993">
        <v>3757</v>
      </c>
    </row>
    <row r="24" spans="1:10" ht="13" customHeight="1" x14ac:dyDescent="0.25">
      <c r="A24" s="996" t="s">
        <v>331</v>
      </c>
      <c r="B24" s="2588">
        <v>23</v>
      </c>
      <c r="C24" s="991">
        <v>18</v>
      </c>
      <c r="D24" s="992">
        <v>18</v>
      </c>
      <c r="E24" s="993">
        <v>27</v>
      </c>
      <c r="F24" s="993">
        <v>32</v>
      </c>
      <c r="G24" s="994">
        <v>32</v>
      </c>
      <c r="H24" s="995">
        <v>26</v>
      </c>
      <c r="I24" s="993">
        <v>28</v>
      </c>
      <c r="J24" s="993">
        <v>33</v>
      </c>
    </row>
    <row r="25" spans="1:10" ht="13" customHeight="1" x14ac:dyDescent="0.25">
      <c r="A25" s="990" t="s">
        <v>223</v>
      </c>
      <c r="B25" s="2588">
        <v>119</v>
      </c>
      <c r="C25" s="991">
        <v>122</v>
      </c>
      <c r="D25" s="992">
        <v>128</v>
      </c>
      <c r="E25" s="993">
        <v>103</v>
      </c>
      <c r="F25" s="993">
        <v>126</v>
      </c>
      <c r="G25" s="994">
        <v>130</v>
      </c>
      <c r="H25" s="995">
        <v>134</v>
      </c>
      <c r="I25" s="993">
        <v>151</v>
      </c>
      <c r="J25" s="993">
        <v>156</v>
      </c>
    </row>
    <row r="26" spans="1:10" ht="13" customHeight="1" x14ac:dyDescent="0.25">
      <c r="A26" s="990" t="s">
        <v>295</v>
      </c>
      <c r="B26" s="2588">
        <v>0</v>
      </c>
      <c r="C26" s="991">
        <v>0</v>
      </c>
      <c r="D26" s="992">
        <v>0</v>
      </c>
      <c r="E26" s="993">
        <v>0</v>
      </c>
      <c r="F26" s="993">
        <v>0</v>
      </c>
      <c r="G26" s="994">
        <v>16</v>
      </c>
      <c r="H26" s="995">
        <v>24</v>
      </c>
      <c r="I26" s="993">
        <v>17</v>
      </c>
      <c r="J26" s="993">
        <v>49</v>
      </c>
    </row>
    <row r="27" spans="1:10" ht="13" customHeight="1" x14ac:dyDescent="0.25">
      <c r="A27" s="990" t="s">
        <v>305</v>
      </c>
      <c r="B27" s="2588">
        <v>0</v>
      </c>
      <c r="C27" s="991">
        <v>18</v>
      </c>
      <c r="D27" s="992">
        <v>20</v>
      </c>
      <c r="E27" s="993">
        <v>19</v>
      </c>
      <c r="F27" s="993">
        <v>23</v>
      </c>
      <c r="G27" s="994">
        <v>30</v>
      </c>
      <c r="H27" s="995">
        <v>30</v>
      </c>
      <c r="I27" s="993">
        <v>31</v>
      </c>
      <c r="J27" s="993">
        <v>39</v>
      </c>
    </row>
    <row r="28" spans="1:10" ht="13" customHeight="1" x14ac:dyDescent="0.25">
      <c r="A28" s="990" t="s">
        <v>302</v>
      </c>
      <c r="B28" s="2588">
        <v>1</v>
      </c>
      <c r="C28" s="991">
        <v>1</v>
      </c>
      <c r="D28" s="992">
        <v>8</v>
      </c>
      <c r="E28" s="993">
        <v>8</v>
      </c>
      <c r="F28" s="993">
        <v>19</v>
      </c>
      <c r="G28" s="994">
        <v>55</v>
      </c>
      <c r="H28" s="995">
        <v>31</v>
      </c>
      <c r="I28" s="993">
        <v>36</v>
      </c>
      <c r="J28" s="993">
        <v>42</v>
      </c>
    </row>
    <row r="29" spans="1:10" ht="13" customHeight="1" x14ac:dyDescent="0.25">
      <c r="A29" s="996" t="s">
        <v>301</v>
      </c>
      <c r="B29" s="2588">
        <v>120</v>
      </c>
      <c r="C29" s="991">
        <v>141</v>
      </c>
      <c r="D29" s="992">
        <v>156</v>
      </c>
      <c r="E29" s="993">
        <v>130</v>
      </c>
      <c r="F29" s="993">
        <v>168</v>
      </c>
      <c r="G29" s="994">
        <v>231</v>
      </c>
      <c r="H29" s="995">
        <v>219</v>
      </c>
      <c r="I29" s="993">
        <v>235</v>
      </c>
      <c r="J29" s="993">
        <v>286</v>
      </c>
    </row>
    <row r="30" spans="1:10" ht="13" customHeight="1" x14ac:dyDescent="0.25">
      <c r="A30" s="998" t="s">
        <v>452</v>
      </c>
      <c r="B30" s="2588">
        <v>5305</v>
      </c>
      <c r="C30" s="991">
        <v>5104</v>
      </c>
      <c r="D30" s="992">
        <v>4786</v>
      </c>
      <c r="E30" s="993">
        <v>4252</v>
      </c>
      <c r="F30" s="993">
        <v>4264</v>
      </c>
      <c r="G30" s="994">
        <v>4435</v>
      </c>
      <c r="H30" s="995">
        <v>4456</v>
      </c>
      <c r="I30" s="993">
        <v>4735</v>
      </c>
      <c r="J30" s="993">
        <v>5116</v>
      </c>
    </row>
    <row r="31" spans="1:10" ht="13" customHeight="1" x14ac:dyDescent="0.25">
      <c r="A31" s="999"/>
      <c r="B31" s="2590"/>
      <c r="C31" s="1000"/>
      <c r="D31" s="1001"/>
      <c r="E31" s="1002"/>
      <c r="F31" s="1002"/>
      <c r="G31" s="1000"/>
      <c r="H31" s="1001"/>
      <c r="I31" s="1002"/>
      <c r="J31" s="1002"/>
    </row>
    <row r="32" spans="1:10" ht="13" customHeight="1" x14ac:dyDescent="0.25">
      <c r="A32" s="2591" t="s">
        <v>453</v>
      </c>
      <c r="B32" s="2592"/>
      <c r="C32" s="1003"/>
      <c r="D32" s="1004"/>
      <c r="E32" s="1005"/>
      <c r="F32" s="1005"/>
      <c r="G32" s="1003"/>
      <c r="H32" s="1006"/>
      <c r="I32" s="1005"/>
      <c r="J32" s="1005"/>
    </row>
    <row r="33" spans="1:10" ht="13" customHeight="1" x14ac:dyDescent="0.25">
      <c r="A33" s="1007" t="s">
        <v>447</v>
      </c>
      <c r="B33" s="2593">
        <v>468</v>
      </c>
      <c r="C33" s="922">
        <v>430</v>
      </c>
      <c r="D33" s="920">
        <v>337</v>
      </c>
      <c r="E33" s="921">
        <v>285</v>
      </c>
      <c r="F33" s="921">
        <v>288</v>
      </c>
      <c r="G33" s="922">
        <v>336</v>
      </c>
      <c r="H33" s="920">
        <v>314</v>
      </c>
      <c r="I33" s="921">
        <v>279</v>
      </c>
      <c r="J33" s="921">
        <v>339</v>
      </c>
    </row>
    <row r="34" spans="1:10" ht="13" customHeight="1" x14ac:dyDescent="0.25">
      <c r="A34" s="990" t="s">
        <v>441</v>
      </c>
      <c r="B34" s="2588">
        <v>256</v>
      </c>
      <c r="C34" s="991">
        <v>237</v>
      </c>
      <c r="D34" s="992">
        <v>165</v>
      </c>
      <c r="E34" s="993">
        <v>70</v>
      </c>
      <c r="F34" s="993">
        <v>133</v>
      </c>
      <c r="G34" s="994">
        <v>151</v>
      </c>
      <c r="H34" s="995">
        <v>191</v>
      </c>
      <c r="I34" s="993">
        <v>180</v>
      </c>
      <c r="J34" s="993">
        <v>199</v>
      </c>
    </row>
    <row r="35" spans="1:10" ht="13" customHeight="1" x14ac:dyDescent="0.25">
      <c r="A35" s="996" t="s">
        <v>189</v>
      </c>
      <c r="B35" s="2588">
        <v>724</v>
      </c>
      <c r="C35" s="991">
        <v>667</v>
      </c>
      <c r="D35" s="992">
        <v>502</v>
      </c>
      <c r="E35" s="993">
        <v>355</v>
      </c>
      <c r="F35" s="993">
        <v>421</v>
      </c>
      <c r="G35" s="994">
        <v>487</v>
      </c>
      <c r="H35" s="995">
        <v>505</v>
      </c>
      <c r="I35" s="993">
        <v>459</v>
      </c>
      <c r="J35" s="993">
        <v>538</v>
      </c>
    </row>
    <row r="36" spans="1:10" ht="13" customHeight="1" x14ac:dyDescent="0.25">
      <c r="A36" s="990" t="s">
        <v>447</v>
      </c>
      <c r="B36" s="2589">
        <v>1159</v>
      </c>
      <c r="C36" s="991">
        <v>1079</v>
      </c>
      <c r="D36" s="992">
        <v>937</v>
      </c>
      <c r="E36" s="993">
        <v>829</v>
      </c>
      <c r="F36" s="993">
        <v>780</v>
      </c>
      <c r="G36" s="994">
        <v>818</v>
      </c>
      <c r="H36" s="995">
        <v>840</v>
      </c>
      <c r="I36" s="993">
        <v>970</v>
      </c>
      <c r="J36" s="993">
        <v>1093</v>
      </c>
    </row>
    <row r="37" spans="1:10" ht="13" customHeight="1" x14ac:dyDescent="0.25">
      <c r="A37" s="997" t="s">
        <v>357</v>
      </c>
      <c r="B37" s="2588">
        <v>207</v>
      </c>
      <c r="C37" s="991">
        <v>213</v>
      </c>
      <c r="D37" s="992">
        <v>206</v>
      </c>
      <c r="E37" s="993">
        <v>199</v>
      </c>
      <c r="F37" s="993">
        <v>190</v>
      </c>
      <c r="G37" s="994">
        <v>215</v>
      </c>
      <c r="H37" s="995">
        <v>228</v>
      </c>
      <c r="I37" s="993">
        <v>241</v>
      </c>
      <c r="J37" s="993">
        <v>238</v>
      </c>
    </row>
    <row r="38" spans="1:10" ht="13" customHeight="1" x14ac:dyDescent="0.25">
      <c r="A38" s="997" t="s">
        <v>356</v>
      </c>
      <c r="B38" s="2588">
        <v>381</v>
      </c>
      <c r="C38" s="991">
        <v>323</v>
      </c>
      <c r="D38" s="992">
        <v>302</v>
      </c>
      <c r="E38" s="993">
        <v>264</v>
      </c>
      <c r="F38" s="993">
        <v>248</v>
      </c>
      <c r="G38" s="994">
        <v>239</v>
      </c>
      <c r="H38" s="995">
        <v>238</v>
      </c>
      <c r="I38" s="993">
        <v>246</v>
      </c>
      <c r="J38" s="993">
        <v>246</v>
      </c>
    </row>
    <row r="39" spans="1:10" ht="13" customHeight="1" x14ac:dyDescent="0.25">
      <c r="A39" s="997" t="s">
        <v>268</v>
      </c>
      <c r="B39" s="2588">
        <v>88</v>
      </c>
      <c r="C39" s="991">
        <v>83</v>
      </c>
      <c r="D39" s="992">
        <v>80</v>
      </c>
      <c r="E39" s="993">
        <v>69</v>
      </c>
      <c r="F39" s="993">
        <v>58</v>
      </c>
      <c r="G39" s="994">
        <v>76</v>
      </c>
      <c r="H39" s="995">
        <v>78</v>
      </c>
      <c r="I39" s="993">
        <v>159</v>
      </c>
      <c r="J39" s="993">
        <v>228</v>
      </c>
    </row>
    <row r="40" spans="1:10" ht="13" customHeight="1" x14ac:dyDescent="0.25">
      <c r="A40" s="997" t="s">
        <v>336</v>
      </c>
      <c r="B40" s="2588">
        <v>380</v>
      </c>
      <c r="C40" s="991">
        <v>369</v>
      </c>
      <c r="D40" s="992">
        <v>261</v>
      </c>
      <c r="E40" s="993">
        <v>210</v>
      </c>
      <c r="F40" s="993">
        <v>190</v>
      </c>
      <c r="G40" s="994">
        <v>190</v>
      </c>
      <c r="H40" s="995">
        <v>179</v>
      </c>
      <c r="I40" s="993">
        <v>195</v>
      </c>
      <c r="J40" s="993">
        <v>221</v>
      </c>
    </row>
    <row r="41" spans="1:10" ht="13" customHeight="1" x14ac:dyDescent="0.25">
      <c r="A41" s="997" t="s">
        <v>333</v>
      </c>
      <c r="B41" s="2588">
        <v>84</v>
      </c>
      <c r="C41" s="991">
        <v>79</v>
      </c>
      <c r="D41" s="992">
        <v>76</v>
      </c>
      <c r="E41" s="993">
        <v>79</v>
      </c>
      <c r="F41" s="993">
        <v>84</v>
      </c>
      <c r="G41" s="994">
        <v>93</v>
      </c>
      <c r="H41" s="995">
        <v>111</v>
      </c>
      <c r="I41" s="993">
        <v>124</v>
      </c>
      <c r="J41" s="993">
        <v>155</v>
      </c>
    </row>
    <row r="42" spans="1:10" ht="13" customHeight="1" x14ac:dyDescent="0.25">
      <c r="A42" s="997" t="s">
        <v>659</v>
      </c>
      <c r="B42" s="2588">
        <v>19</v>
      </c>
      <c r="C42" s="991">
        <v>12</v>
      </c>
      <c r="D42" s="992">
        <v>12</v>
      </c>
      <c r="E42" s="993">
        <v>8</v>
      </c>
      <c r="F42" s="993">
        <v>10</v>
      </c>
      <c r="G42" s="994">
        <v>5</v>
      </c>
      <c r="H42" s="995">
        <v>6</v>
      </c>
      <c r="I42" s="993">
        <v>5</v>
      </c>
      <c r="J42" s="993">
        <v>5</v>
      </c>
    </row>
    <row r="43" spans="1:10" ht="13" customHeight="1" x14ac:dyDescent="0.25">
      <c r="A43" s="990" t="s">
        <v>441</v>
      </c>
      <c r="B43" s="2588">
        <v>1556</v>
      </c>
      <c r="C43" s="991">
        <v>1571</v>
      </c>
      <c r="D43" s="992">
        <v>1573</v>
      </c>
      <c r="E43" s="993">
        <v>1373</v>
      </c>
      <c r="F43" s="993">
        <v>1288</v>
      </c>
      <c r="G43" s="994">
        <v>1279</v>
      </c>
      <c r="H43" s="995">
        <v>1259</v>
      </c>
      <c r="I43" s="993">
        <v>1331</v>
      </c>
      <c r="J43" s="993">
        <v>1282</v>
      </c>
    </row>
    <row r="44" spans="1:10" ht="13" customHeight="1" x14ac:dyDescent="0.25">
      <c r="A44" s="997" t="s">
        <v>357</v>
      </c>
      <c r="B44" s="2588">
        <v>310</v>
      </c>
      <c r="C44" s="991">
        <v>313</v>
      </c>
      <c r="D44" s="992">
        <v>327</v>
      </c>
      <c r="E44" s="993">
        <v>313</v>
      </c>
      <c r="F44" s="993">
        <v>323</v>
      </c>
      <c r="G44" s="994">
        <v>324</v>
      </c>
      <c r="H44" s="995">
        <v>316</v>
      </c>
      <c r="I44" s="993">
        <v>326</v>
      </c>
      <c r="J44" s="993">
        <v>329</v>
      </c>
    </row>
    <row r="45" spans="1:10" ht="13" customHeight="1" x14ac:dyDescent="0.25">
      <c r="A45" s="997" t="s">
        <v>356</v>
      </c>
      <c r="B45" s="2588">
        <v>414</v>
      </c>
      <c r="C45" s="991">
        <v>416</v>
      </c>
      <c r="D45" s="992">
        <v>424</v>
      </c>
      <c r="E45" s="993">
        <v>298</v>
      </c>
      <c r="F45" s="993">
        <v>258</v>
      </c>
      <c r="G45" s="994">
        <v>255</v>
      </c>
      <c r="H45" s="995">
        <v>251</v>
      </c>
      <c r="I45" s="993">
        <v>232</v>
      </c>
      <c r="J45" s="993">
        <v>161</v>
      </c>
    </row>
    <row r="46" spans="1:10" ht="13" customHeight="1" x14ac:dyDescent="0.25">
      <c r="A46" s="997" t="s">
        <v>268</v>
      </c>
      <c r="B46" s="2588">
        <v>273</v>
      </c>
      <c r="C46" s="991">
        <v>286</v>
      </c>
      <c r="D46" s="992">
        <v>329</v>
      </c>
      <c r="E46" s="993">
        <v>312</v>
      </c>
      <c r="F46" s="993">
        <v>262</v>
      </c>
      <c r="G46" s="994">
        <v>287</v>
      </c>
      <c r="H46" s="995">
        <v>269</v>
      </c>
      <c r="I46" s="993">
        <v>269</v>
      </c>
      <c r="J46" s="993">
        <v>260</v>
      </c>
    </row>
    <row r="47" spans="1:10" ht="13" customHeight="1" x14ac:dyDescent="0.25">
      <c r="A47" s="997" t="s">
        <v>336</v>
      </c>
      <c r="B47" s="2588">
        <v>356</v>
      </c>
      <c r="C47" s="991">
        <v>341</v>
      </c>
      <c r="D47" s="992">
        <v>277</v>
      </c>
      <c r="E47" s="993">
        <v>209</v>
      </c>
      <c r="F47" s="993">
        <v>164</v>
      </c>
      <c r="G47" s="994">
        <v>156</v>
      </c>
      <c r="H47" s="995">
        <v>153</v>
      </c>
      <c r="I47" s="993">
        <v>221</v>
      </c>
      <c r="J47" s="993">
        <v>245</v>
      </c>
    </row>
    <row r="48" spans="1:10" ht="13" customHeight="1" x14ac:dyDescent="0.25">
      <c r="A48" s="997" t="s">
        <v>333</v>
      </c>
      <c r="B48" s="2588">
        <v>141</v>
      </c>
      <c r="C48" s="991">
        <v>155</v>
      </c>
      <c r="D48" s="992">
        <v>158</v>
      </c>
      <c r="E48" s="993">
        <v>182</v>
      </c>
      <c r="F48" s="993">
        <v>215</v>
      </c>
      <c r="G48" s="994">
        <v>202</v>
      </c>
      <c r="H48" s="995">
        <v>219</v>
      </c>
      <c r="I48" s="993">
        <v>226</v>
      </c>
      <c r="J48" s="993">
        <v>231</v>
      </c>
    </row>
    <row r="49" spans="1:10" ht="13" customHeight="1" x14ac:dyDescent="0.25">
      <c r="A49" s="997" t="s">
        <v>645</v>
      </c>
      <c r="B49" s="2588">
        <v>62</v>
      </c>
      <c r="C49" s="991">
        <v>60</v>
      </c>
      <c r="D49" s="992">
        <v>58</v>
      </c>
      <c r="E49" s="993">
        <v>59</v>
      </c>
      <c r="F49" s="993">
        <v>66</v>
      </c>
      <c r="G49" s="994">
        <v>55</v>
      </c>
      <c r="H49" s="995">
        <v>51</v>
      </c>
      <c r="I49" s="993">
        <v>57</v>
      </c>
      <c r="J49" s="993">
        <v>56</v>
      </c>
    </row>
    <row r="50" spans="1:10" ht="13" customHeight="1" x14ac:dyDescent="0.25">
      <c r="A50" s="996" t="s">
        <v>51</v>
      </c>
      <c r="B50" s="2588">
        <v>2715</v>
      </c>
      <c r="C50" s="991">
        <v>2650</v>
      </c>
      <c r="D50" s="992">
        <v>2510</v>
      </c>
      <c r="E50" s="993">
        <v>2202</v>
      </c>
      <c r="F50" s="993">
        <v>2068</v>
      </c>
      <c r="G50" s="994">
        <v>2097</v>
      </c>
      <c r="H50" s="995">
        <v>2099</v>
      </c>
      <c r="I50" s="993">
        <v>2301</v>
      </c>
      <c r="J50" s="993">
        <v>2375</v>
      </c>
    </row>
    <row r="51" spans="1:10" ht="13" customHeight="1" x14ac:dyDescent="0.25">
      <c r="A51" s="996" t="s">
        <v>331</v>
      </c>
      <c r="B51" s="2588">
        <v>15</v>
      </c>
      <c r="C51" s="991">
        <v>13</v>
      </c>
      <c r="D51" s="992">
        <v>11</v>
      </c>
      <c r="E51" s="993">
        <v>18</v>
      </c>
      <c r="F51" s="993">
        <v>23</v>
      </c>
      <c r="G51" s="994">
        <v>23</v>
      </c>
      <c r="H51" s="995">
        <v>17</v>
      </c>
      <c r="I51" s="993">
        <v>20</v>
      </c>
      <c r="J51" s="993">
        <v>22</v>
      </c>
    </row>
    <row r="52" spans="1:10" ht="13" customHeight="1" x14ac:dyDescent="0.25">
      <c r="A52" s="990" t="s">
        <v>223</v>
      </c>
      <c r="B52" s="2588">
        <v>99</v>
      </c>
      <c r="C52" s="1008">
        <v>102</v>
      </c>
      <c r="D52" s="1009">
        <v>107</v>
      </c>
      <c r="E52" s="993">
        <v>100</v>
      </c>
      <c r="F52" s="993">
        <v>121</v>
      </c>
      <c r="G52" s="994">
        <v>125</v>
      </c>
      <c r="H52" s="995">
        <v>127</v>
      </c>
      <c r="I52" s="993">
        <v>146</v>
      </c>
      <c r="J52" s="993">
        <v>148</v>
      </c>
    </row>
    <row r="53" spans="1:10" ht="13" customHeight="1" x14ac:dyDescent="0.25">
      <c r="A53" s="990" t="s">
        <v>295</v>
      </c>
      <c r="B53" s="2588">
        <v>0</v>
      </c>
      <c r="C53" s="1008">
        <v>0</v>
      </c>
      <c r="D53" s="1009">
        <v>0</v>
      </c>
      <c r="E53" s="993">
        <v>0</v>
      </c>
      <c r="F53" s="993">
        <v>0</v>
      </c>
      <c r="G53" s="994">
        <v>16</v>
      </c>
      <c r="H53" s="995">
        <v>20</v>
      </c>
      <c r="I53" s="993">
        <v>16</v>
      </c>
      <c r="J53" s="993">
        <v>47</v>
      </c>
    </row>
    <row r="54" spans="1:10" ht="13" customHeight="1" x14ac:dyDescent="0.25">
      <c r="A54" s="1010" t="s">
        <v>305</v>
      </c>
      <c r="B54" s="2594">
        <v>0</v>
      </c>
      <c r="C54" s="1008">
        <v>17</v>
      </c>
      <c r="D54" s="1011">
        <v>19</v>
      </c>
      <c r="E54" s="1012">
        <v>18</v>
      </c>
      <c r="F54" s="1012">
        <v>21</v>
      </c>
      <c r="G54" s="1013">
        <v>28</v>
      </c>
      <c r="H54" s="995">
        <v>29</v>
      </c>
      <c r="I54" s="1012">
        <v>30</v>
      </c>
      <c r="J54" s="1012">
        <v>35</v>
      </c>
    </row>
    <row r="55" spans="1:10" ht="13" customHeight="1" x14ac:dyDescent="0.25">
      <c r="A55" s="1014" t="s">
        <v>302</v>
      </c>
      <c r="B55" s="2595">
        <v>1</v>
      </c>
      <c r="C55" s="1008">
        <v>1</v>
      </c>
      <c r="D55" s="1015">
        <v>2</v>
      </c>
      <c r="E55" s="1016">
        <v>2</v>
      </c>
      <c r="F55" s="1016">
        <v>6</v>
      </c>
      <c r="G55" s="991">
        <v>36</v>
      </c>
      <c r="H55" s="995">
        <v>4</v>
      </c>
      <c r="I55" s="1016">
        <v>4</v>
      </c>
      <c r="J55" s="1016">
        <v>13</v>
      </c>
    </row>
    <row r="56" spans="1:10" ht="13" customHeight="1" x14ac:dyDescent="0.25">
      <c r="A56" s="996" t="s">
        <v>301</v>
      </c>
      <c r="B56" s="2588">
        <v>100</v>
      </c>
      <c r="C56" s="991">
        <v>120</v>
      </c>
      <c r="D56" s="992">
        <v>128</v>
      </c>
      <c r="E56" s="993">
        <v>120</v>
      </c>
      <c r="F56" s="993">
        <v>148</v>
      </c>
      <c r="G56" s="994">
        <v>205</v>
      </c>
      <c r="H56" s="995">
        <v>180</v>
      </c>
      <c r="I56" s="993">
        <v>196</v>
      </c>
      <c r="J56" s="993">
        <v>243</v>
      </c>
    </row>
    <row r="57" spans="1:10" ht="13" customHeight="1" x14ac:dyDescent="0.25">
      <c r="A57" s="1017" t="s">
        <v>454</v>
      </c>
      <c r="B57" s="2596">
        <v>3554</v>
      </c>
      <c r="C57" s="1018">
        <v>3450</v>
      </c>
      <c r="D57" s="1019">
        <v>3151</v>
      </c>
      <c r="E57" s="1020">
        <v>2695</v>
      </c>
      <c r="F57" s="1020">
        <v>2660</v>
      </c>
      <c r="G57" s="1021">
        <v>2812</v>
      </c>
      <c r="H57" s="1022">
        <v>2801</v>
      </c>
      <c r="I57" s="1020">
        <v>2976</v>
      </c>
      <c r="J57" s="1020">
        <v>3178</v>
      </c>
    </row>
    <row r="58" spans="1:10" ht="13" customHeight="1" x14ac:dyDescent="0.25">
      <c r="A58" s="1023"/>
      <c r="B58" s="1024"/>
      <c r="C58" s="1025"/>
      <c r="D58" s="1025"/>
      <c r="E58" s="1025"/>
      <c r="F58" s="1025"/>
      <c r="G58" s="1025"/>
      <c r="H58" s="1025"/>
      <c r="I58" s="1025"/>
      <c r="J58" s="1025"/>
    </row>
    <row r="59" spans="1:10" ht="12" customHeight="1" x14ac:dyDescent="0.25">
      <c r="A59" s="1511" t="s">
        <v>455</v>
      </c>
      <c r="B59" s="1026"/>
      <c r="C59" s="3278"/>
      <c r="D59" s="3278" t="s">
        <v>38</v>
      </c>
      <c r="E59" s="3278" t="s">
        <v>38</v>
      </c>
      <c r="F59" s="3278" t="s">
        <v>38</v>
      </c>
      <c r="G59" s="3278" t="s">
        <v>38</v>
      </c>
      <c r="H59" s="3278" t="s">
        <v>38</v>
      </c>
      <c r="I59" s="3278" t="s">
        <v>38</v>
      </c>
      <c r="J59" s="3278" t="s">
        <v>38</v>
      </c>
    </row>
    <row r="60" spans="1:10" ht="12" customHeight="1" x14ac:dyDescent="0.25">
      <c r="A60" s="1511" t="s">
        <v>456</v>
      </c>
      <c r="B60" s="1512"/>
      <c r="C60" s="3278"/>
      <c r="D60" s="3278" t="s">
        <v>38</v>
      </c>
      <c r="E60" s="3278" t="s">
        <v>38</v>
      </c>
      <c r="F60" s="3278" t="s">
        <v>38</v>
      </c>
      <c r="G60" s="3278" t="s">
        <v>38</v>
      </c>
      <c r="H60" s="3278" t="s">
        <v>38</v>
      </c>
      <c r="I60" s="3278" t="s">
        <v>38</v>
      </c>
      <c r="J60" s="3278" t="s">
        <v>38</v>
      </c>
    </row>
    <row r="61" spans="1:10" ht="10.4" customHeight="1" x14ac:dyDescent="0.25">
      <c r="A61" s="1028"/>
      <c r="B61" s="1027"/>
      <c r="C61" s="3278"/>
      <c r="D61" s="3278" t="s">
        <v>38</v>
      </c>
      <c r="E61" s="3278" t="s">
        <v>38</v>
      </c>
      <c r="F61" s="3278" t="s">
        <v>38</v>
      </c>
      <c r="G61" s="3278" t="s">
        <v>38</v>
      </c>
      <c r="H61" s="3278" t="s">
        <v>38</v>
      </c>
      <c r="I61" s="3278" t="s">
        <v>38</v>
      </c>
      <c r="J61" s="3278" t="s">
        <v>38</v>
      </c>
    </row>
    <row r="62" spans="1:10" ht="10.4" customHeight="1" x14ac:dyDescent="0.25">
      <c r="A62" s="1028"/>
      <c r="B62" s="1027"/>
      <c r="C62" s="3278"/>
      <c r="D62" s="3278" t="s">
        <v>38</v>
      </c>
      <c r="E62" s="3278" t="s">
        <v>38</v>
      </c>
      <c r="F62" s="3278" t="s">
        <v>38</v>
      </c>
      <c r="G62" s="3278" t="s">
        <v>38</v>
      </c>
      <c r="H62" s="3278" t="s">
        <v>38</v>
      </c>
      <c r="I62" s="3278" t="s">
        <v>38</v>
      </c>
      <c r="J62" s="3278" t="s">
        <v>38</v>
      </c>
    </row>
    <row r="63" spans="1:10" ht="10.4" customHeight="1" x14ac:dyDescent="0.25">
      <c r="A63" s="1028"/>
      <c r="B63" s="1027"/>
      <c r="C63" s="3278"/>
      <c r="D63" s="3278" t="s">
        <v>38</v>
      </c>
      <c r="E63" s="3278" t="s">
        <v>38</v>
      </c>
      <c r="F63" s="3278" t="s">
        <v>38</v>
      </c>
      <c r="G63" s="3278" t="s">
        <v>38</v>
      </c>
      <c r="H63" s="3278" t="s">
        <v>38</v>
      </c>
      <c r="I63" s="3278" t="s">
        <v>38</v>
      </c>
      <c r="J63" s="3278" t="s">
        <v>38</v>
      </c>
    </row>
  </sheetData>
  <mergeCells count="9">
    <mergeCell ref="C61:J61"/>
    <mergeCell ref="C62:J62"/>
    <mergeCell ref="C63:J63"/>
    <mergeCell ref="A2:J2"/>
    <mergeCell ref="B3:C3"/>
    <mergeCell ref="D3:G3"/>
    <mergeCell ref="H3:J3"/>
    <mergeCell ref="C59:J59"/>
    <mergeCell ref="C60:J60"/>
  </mergeCells>
  <hyperlinks>
    <hyperlink ref="A1" location="TDM!A1" display="Retour à la table des matières" xr:uid="{00000000-0004-0000-1800-000000000000}"/>
  </hyperlinks>
  <printOptions horizontalCentered="1"/>
  <pageMargins left="0.51181102362204722" right="0.51181102362204722" top="0.51181102362204722" bottom="0.51181102362204722" header="0.23622047244094491" footer="0.23622047244094491"/>
  <pageSetup scale="65" orientation="landscape" r:id="rId1"/>
  <headerFooter>
    <oddFooter>&amp;L&amp;G&amp;C&amp;"Scotia,Regular"&amp;9Informations financières supplémentaires (IFS)&amp;R&amp;"Scotia,Regular"&amp;9&amp;A</oddFooter>
  </headerFooter>
  <legacyDrawingHF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F4F6A7-7CEC-4404-85D3-6FAB3FC97794}">
  <sheetPr>
    <pageSetUpPr fitToPage="1"/>
  </sheetPr>
  <dimension ref="A1:L67"/>
  <sheetViews>
    <sheetView showGridLines="0" zoomScaleNormal="100" workbookViewId="0"/>
  </sheetViews>
  <sheetFormatPr defaultColWidth="8.7265625" defaultRowHeight="12.5" x14ac:dyDescent="0.25"/>
  <cols>
    <col min="1" max="1" width="53.453125" style="25" customWidth="1"/>
    <col min="2" max="12" width="16.7265625" style="25" customWidth="1"/>
    <col min="13" max="16384" width="8.7265625" style="25"/>
  </cols>
  <sheetData>
    <row r="1" spans="1:12" ht="20.149999999999999" customHeight="1" x14ac:dyDescent="0.25">
      <c r="A1" s="24" t="s">
        <v>37</v>
      </c>
    </row>
    <row r="2" spans="1:12" ht="25" customHeight="1" x14ac:dyDescent="0.25">
      <c r="A2" s="3240" t="s">
        <v>891</v>
      </c>
      <c r="B2" s="3240" t="s">
        <v>38</v>
      </c>
      <c r="C2" s="3240" t="s">
        <v>38</v>
      </c>
      <c r="D2" s="3240" t="s">
        <v>38</v>
      </c>
      <c r="E2" s="3240" t="s">
        <v>38</v>
      </c>
      <c r="F2" s="3240" t="s">
        <v>38</v>
      </c>
      <c r="G2" s="3240" t="s">
        <v>38</v>
      </c>
      <c r="H2" s="3240" t="s">
        <v>38</v>
      </c>
      <c r="I2" s="3240" t="s">
        <v>38</v>
      </c>
      <c r="J2" s="3240" t="s">
        <v>38</v>
      </c>
      <c r="K2" s="3240" t="s">
        <v>38</v>
      </c>
      <c r="L2" s="3240" t="s">
        <v>38</v>
      </c>
    </row>
    <row r="3" spans="1:12" ht="15" customHeight="1" x14ac:dyDescent="0.25">
      <c r="A3" s="1029"/>
      <c r="B3" s="3285" t="s">
        <v>174</v>
      </c>
      <c r="C3" s="3286" t="s">
        <v>38</v>
      </c>
      <c r="D3" s="3287" t="s">
        <v>240</v>
      </c>
      <c r="E3" s="3288" t="s">
        <v>38</v>
      </c>
      <c r="F3" s="3288" t="s">
        <v>38</v>
      </c>
      <c r="G3" s="3289" t="s">
        <v>38</v>
      </c>
      <c r="H3" s="3287" t="s">
        <v>241</v>
      </c>
      <c r="I3" s="3288" t="s">
        <v>38</v>
      </c>
      <c r="J3" s="3288" t="s">
        <v>38</v>
      </c>
      <c r="K3" s="3290" t="s">
        <v>717</v>
      </c>
      <c r="L3" s="3288" t="s">
        <v>38</v>
      </c>
    </row>
    <row r="4" spans="1:12" ht="15" customHeight="1" x14ac:dyDescent="0.25">
      <c r="A4" s="1030" t="s">
        <v>46</v>
      </c>
      <c r="B4" s="1031" t="s">
        <v>49</v>
      </c>
      <c r="C4" s="1032" t="s">
        <v>45</v>
      </c>
      <c r="D4" s="1033" t="s">
        <v>569</v>
      </c>
      <c r="E4" s="1034" t="s">
        <v>570</v>
      </c>
      <c r="F4" s="1035" t="s">
        <v>49</v>
      </c>
      <c r="G4" s="1036" t="s">
        <v>45</v>
      </c>
      <c r="H4" s="1037" t="s">
        <v>569</v>
      </c>
      <c r="I4" s="1034" t="s">
        <v>570</v>
      </c>
      <c r="J4" s="1035" t="s">
        <v>49</v>
      </c>
      <c r="K4" s="1038" t="s">
        <v>240</v>
      </c>
      <c r="L4" s="1035" t="s">
        <v>241</v>
      </c>
    </row>
    <row r="5" spans="1:12" ht="15" customHeight="1" x14ac:dyDescent="0.25">
      <c r="A5" s="865" t="s">
        <v>410</v>
      </c>
      <c r="B5" s="2597">
        <v>5104</v>
      </c>
      <c r="C5" s="1039">
        <v>4786</v>
      </c>
      <c r="D5" s="920">
        <v>4252</v>
      </c>
      <c r="E5" s="921">
        <v>4264</v>
      </c>
      <c r="F5" s="921">
        <v>4435</v>
      </c>
      <c r="G5" s="922">
        <v>4456</v>
      </c>
      <c r="H5" s="920">
        <v>4735</v>
      </c>
      <c r="I5" s="921">
        <v>5116</v>
      </c>
      <c r="J5" s="921">
        <v>5279</v>
      </c>
      <c r="K5" s="1040">
        <v>4456</v>
      </c>
      <c r="L5" s="1041">
        <v>5053</v>
      </c>
    </row>
    <row r="6" spans="1:12" ht="15" customHeight="1" x14ac:dyDescent="0.25">
      <c r="A6" s="1042" t="s">
        <v>252</v>
      </c>
      <c r="B6" s="2598"/>
      <c r="C6" s="1043"/>
      <c r="D6" s="1001"/>
      <c r="E6" s="1002"/>
      <c r="F6" s="1002"/>
      <c r="G6" s="1000"/>
      <c r="H6" s="1001"/>
      <c r="I6" s="1002"/>
      <c r="J6" s="1002"/>
      <c r="K6" s="1044"/>
      <c r="L6" s="1045"/>
    </row>
    <row r="7" spans="1:12" ht="15" customHeight="1" x14ac:dyDescent="0.25">
      <c r="A7" s="1046" t="s">
        <v>458</v>
      </c>
      <c r="B7" s="2599"/>
      <c r="C7" s="2600"/>
      <c r="D7" s="2601"/>
      <c r="E7" s="2602"/>
      <c r="F7" s="2602"/>
      <c r="G7" s="2603"/>
      <c r="H7" s="1006"/>
      <c r="I7" s="2602"/>
      <c r="J7" s="2602"/>
      <c r="K7" s="2604"/>
      <c r="L7" s="2605"/>
    </row>
    <row r="8" spans="1:12" ht="15" customHeight="1" x14ac:dyDescent="0.25">
      <c r="A8" s="944" t="s">
        <v>457</v>
      </c>
      <c r="B8" s="2597">
        <v>543</v>
      </c>
      <c r="C8" s="1039">
        <v>524</v>
      </c>
      <c r="D8" s="920">
        <v>432</v>
      </c>
      <c r="E8" s="921">
        <v>381</v>
      </c>
      <c r="F8" s="921">
        <v>362</v>
      </c>
      <c r="G8" s="922">
        <v>380</v>
      </c>
      <c r="H8" s="920">
        <v>350</v>
      </c>
      <c r="I8" s="921">
        <v>328</v>
      </c>
      <c r="J8" s="921">
        <v>415</v>
      </c>
      <c r="K8" s="1040">
        <v>1555</v>
      </c>
      <c r="L8" s="1041">
        <v>1550</v>
      </c>
    </row>
    <row r="9" spans="1:12" ht="15" customHeight="1" x14ac:dyDescent="0.25">
      <c r="A9" s="1047" t="s">
        <v>451</v>
      </c>
      <c r="B9" s="2606">
        <v>-173</v>
      </c>
      <c r="C9" s="2607">
        <v>-135</v>
      </c>
      <c r="D9" s="879">
        <v>-124</v>
      </c>
      <c r="E9" s="880">
        <v>-101</v>
      </c>
      <c r="F9" s="880">
        <v>-134</v>
      </c>
      <c r="G9" s="885">
        <v>-113</v>
      </c>
      <c r="H9" s="995">
        <v>-101</v>
      </c>
      <c r="I9" s="880">
        <v>-113</v>
      </c>
      <c r="J9" s="880">
        <v>-121</v>
      </c>
      <c r="K9" s="2608">
        <v>-472</v>
      </c>
      <c r="L9" s="2609">
        <v>-430</v>
      </c>
    </row>
    <row r="10" spans="1:12" ht="15" customHeight="1" x14ac:dyDescent="0.25">
      <c r="A10" s="1047" t="s">
        <v>450</v>
      </c>
      <c r="B10" s="2606">
        <v>-94</v>
      </c>
      <c r="C10" s="2607">
        <v>-89</v>
      </c>
      <c r="D10" s="879">
        <v>-83</v>
      </c>
      <c r="E10" s="880">
        <v>-104</v>
      </c>
      <c r="F10" s="880">
        <v>-123</v>
      </c>
      <c r="G10" s="885">
        <v>-105</v>
      </c>
      <c r="H10" s="995">
        <v>-109</v>
      </c>
      <c r="I10" s="880">
        <v>-125</v>
      </c>
      <c r="J10" s="880">
        <v>-121</v>
      </c>
      <c r="K10" s="2608">
        <v>-415</v>
      </c>
      <c r="L10" s="2609">
        <v>-458</v>
      </c>
    </row>
    <row r="11" spans="1:12" ht="15" customHeight="1" x14ac:dyDescent="0.25">
      <c r="A11" s="1047" t="s">
        <v>449</v>
      </c>
      <c r="B11" s="2606">
        <v>0</v>
      </c>
      <c r="C11" s="2607">
        <v>0</v>
      </c>
      <c r="D11" s="879">
        <v>0</v>
      </c>
      <c r="E11" s="880">
        <v>0</v>
      </c>
      <c r="F11" s="880">
        <v>0</v>
      </c>
      <c r="G11" s="885">
        <v>0</v>
      </c>
      <c r="H11" s="995">
        <v>0</v>
      </c>
      <c r="I11" s="880">
        <v>0</v>
      </c>
      <c r="J11" s="880">
        <v>0</v>
      </c>
      <c r="K11" s="2608">
        <v>0</v>
      </c>
      <c r="L11" s="2609">
        <v>0</v>
      </c>
    </row>
    <row r="12" spans="1:12" ht="15" customHeight="1" x14ac:dyDescent="0.25">
      <c r="A12" s="950" t="s">
        <v>252</v>
      </c>
      <c r="B12" s="2610">
        <v>276</v>
      </c>
      <c r="C12" s="1048">
        <v>300</v>
      </c>
      <c r="D12" s="1049">
        <v>225</v>
      </c>
      <c r="E12" s="1050">
        <v>176</v>
      </c>
      <c r="F12" s="1050">
        <v>105</v>
      </c>
      <c r="G12" s="1051">
        <v>162</v>
      </c>
      <c r="H12" s="1049">
        <v>140</v>
      </c>
      <c r="I12" s="1050">
        <v>90</v>
      </c>
      <c r="J12" s="1050">
        <v>173</v>
      </c>
      <c r="K12" s="1052">
        <v>668</v>
      </c>
      <c r="L12" s="1053">
        <v>662</v>
      </c>
    </row>
    <row r="13" spans="1:12" ht="15" customHeight="1" x14ac:dyDescent="0.25">
      <c r="A13" s="1046" t="s">
        <v>459</v>
      </c>
      <c r="B13" s="2599"/>
      <c r="C13" s="2600"/>
      <c r="D13" s="2601"/>
      <c r="E13" s="2602"/>
      <c r="F13" s="2602"/>
      <c r="G13" s="2603"/>
      <c r="H13" s="1006"/>
      <c r="I13" s="2602"/>
      <c r="J13" s="2602"/>
      <c r="K13" s="2604"/>
      <c r="L13" s="2605"/>
    </row>
    <row r="14" spans="1:12" ht="15" customHeight="1" x14ac:dyDescent="0.25">
      <c r="A14" s="944" t="s">
        <v>457</v>
      </c>
      <c r="B14" s="2597">
        <v>106</v>
      </c>
      <c r="C14" s="1039">
        <v>95</v>
      </c>
      <c r="D14" s="920">
        <v>126</v>
      </c>
      <c r="E14" s="921">
        <v>49</v>
      </c>
      <c r="F14" s="921">
        <v>39</v>
      </c>
      <c r="G14" s="922">
        <v>18</v>
      </c>
      <c r="H14" s="920">
        <v>69</v>
      </c>
      <c r="I14" s="921">
        <v>41</v>
      </c>
      <c r="J14" s="921">
        <v>69</v>
      </c>
      <c r="K14" s="1040">
        <v>232</v>
      </c>
      <c r="L14" s="1041">
        <v>214</v>
      </c>
    </row>
    <row r="15" spans="1:12" ht="15" customHeight="1" x14ac:dyDescent="0.25">
      <c r="A15" s="1047" t="s">
        <v>451</v>
      </c>
      <c r="B15" s="2606">
        <v>-52</v>
      </c>
      <c r="C15" s="2607">
        <v>0</v>
      </c>
      <c r="D15" s="879">
        <v>-3</v>
      </c>
      <c r="E15" s="880">
        <v>0</v>
      </c>
      <c r="F15" s="880">
        <v>0</v>
      </c>
      <c r="G15" s="885">
        <v>0</v>
      </c>
      <c r="H15" s="995">
        <v>0</v>
      </c>
      <c r="I15" s="880">
        <v>-11</v>
      </c>
      <c r="J15" s="880">
        <v>0</v>
      </c>
      <c r="K15" s="2608">
        <v>-3</v>
      </c>
      <c r="L15" s="2609">
        <v>-11</v>
      </c>
    </row>
    <row r="16" spans="1:12" ht="15" customHeight="1" x14ac:dyDescent="0.25">
      <c r="A16" s="1047" t="s">
        <v>450</v>
      </c>
      <c r="B16" s="2606">
        <v>-15</v>
      </c>
      <c r="C16" s="2607">
        <v>-11</v>
      </c>
      <c r="D16" s="879">
        <v>-11</v>
      </c>
      <c r="E16" s="880">
        <v>-69</v>
      </c>
      <c r="F16" s="880">
        <v>-47</v>
      </c>
      <c r="G16" s="885">
        <v>-42</v>
      </c>
      <c r="H16" s="995">
        <v>-25</v>
      </c>
      <c r="I16" s="880">
        <v>-18</v>
      </c>
      <c r="J16" s="880">
        <v>-7</v>
      </c>
      <c r="K16" s="2608">
        <v>-169</v>
      </c>
      <c r="L16" s="2609">
        <v>-82</v>
      </c>
    </row>
    <row r="17" spans="1:12" ht="15" customHeight="1" x14ac:dyDescent="0.25">
      <c r="A17" s="1047" t="s">
        <v>449</v>
      </c>
      <c r="B17" s="2606">
        <v>0</v>
      </c>
      <c r="C17" s="2607">
        <v>0</v>
      </c>
      <c r="D17" s="879">
        <v>0</v>
      </c>
      <c r="E17" s="880">
        <v>0</v>
      </c>
      <c r="F17" s="880">
        <v>0</v>
      </c>
      <c r="G17" s="885">
        <v>0</v>
      </c>
      <c r="H17" s="995">
        <v>0</v>
      </c>
      <c r="I17" s="880">
        <v>0</v>
      </c>
      <c r="J17" s="880">
        <v>0</v>
      </c>
      <c r="K17" s="2608">
        <v>0</v>
      </c>
      <c r="L17" s="2609">
        <v>0</v>
      </c>
    </row>
    <row r="18" spans="1:12" ht="15" customHeight="1" x14ac:dyDescent="0.25">
      <c r="A18" s="950" t="s">
        <v>252</v>
      </c>
      <c r="B18" s="2610">
        <v>39</v>
      </c>
      <c r="C18" s="1048">
        <v>84</v>
      </c>
      <c r="D18" s="1049">
        <v>112</v>
      </c>
      <c r="E18" s="1050">
        <v>-20</v>
      </c>
      <c r="F18" s="1050">
        <v>-8</v>
      </c>
      <c r="G18" s="1051">
        <v>-24</v>
      </c>
      <c r="H18" s="1049">
        <v>44</v>
      </c>
      <c r="I18" s="1050">
        <v>12</v>
      </c>
      <c r="J18" s="1050">
        <v>62</v>
      </c>
      <c r="K18" s="1052">
        <v>60</v>
      </c>
      <c r="L18" s="1053">
        <v>121</v>
      </c>
    </row>
    <row r="19" spans="1:12" ht="15" customHeight="1" x14ac:dyDescent="0.25">
      <c r="A19" s="1046" t="s">
        <v>460</v>
      </c>
      <c r="B19" s="2599"/>
      <c r="C19" s="2600"/>
      <c r="D19" s="2601"/>
      <c r="E19" s="2602"/>
      <c r="F19" s="2602"/>
      <c r="G19" s="2603"/>
      <c r="H19" s="1006"/>
      <c r="I19" s="2602"/>
      <c r="J19" s="2602"/>
      <c r="K19" s="2604"/>
      <c r="L19" s="2605"/>
    </row>
    <row r="20" spans="1:12" ht="15" customHeight="1" x14ac:dyDescent="0.25">
      <c r="A20" s="944" t="s">
        <v>457</v>
      </c>
      <c r="B20" s="2597">
        <v>895</v>
      </c>
      <c r="C20" s="1039">
        <v>858</v>
      </c>
      <c r="D20" s="920">
        <v>766</v>
      </c>
      <c r="E20" s="921">
        <v>673</v>
      </c>
      <c r="F20" s="921">
        <v>620</v>
      </c>
      <c r="G20" s="922">
        <v>660</v>
      </c>
      <c r="H20" s="920">
        <v>721</v>
      </c>
      <c r="I20" s="921">
        <v>1063</v>
      </c>
      <c r="J20" s="921">
        <v>1351</v>
      </c>
      <c r="K20" s="1040">
        <v>2719</v>
      </c>
      <c r="L20" s="1041">
        <v>4297</v>
      </c>
    </row>
    <row r="21" spans="1:12" ht="15" customHeight="1" x14ac:dyDescent="0.25">
      <c r="A21" s="1047" t="s">
        <v>451</v>
      </c>
      <c r="B21" s="2606">
        <v>-280</v>
      </c>
      <c r="C21" s="2607">
        <v>-258</v>
      </c>
      <c r="D21" s="879">
        <v>-235</v>
      </c>
      <c r="E21" s="880">
        <v>-203</v>
      </c>
      <c r="F21" s="880">
        <v>-220</v>
      </c>
      <c r="G21" s="885">
        <v>-196</v>
      </c>
      <c r="H21" s="995">
        <v>-217</v>
      </c>
      <c r="I21" s="880">
        <v>-240</v>
      </c>
      <c r="J21" s="880">
        <v>-246</v>
      </c>
      <c r="K21" s="2608">
        <v>-854</v>
      </c>
      <c r="L21" s="2609">
        <v>-966</v>
      </c>
    </row>
    <row r="22" spans="1:12" ht="15" customHeight="1" x14ac:dyDescent="0.25">
      <c r="A22" s="1047" t="s">
        <v>450</v>
      </c>
      <c r="B22" s="2606">
        <v>-141</v>
      </c>
      <c r="C22" s="2607">
        <v>-131</v>
      </c>
      <c r="D22" s="879">
        <v>-133</v>
      </c>
      <c r="E22" s="880">
        <v>-121</v>
      </c>
      <c r="F22" s="880">
        <v>-133</v>
      </c>
      <c r="G22" s="885">
        <v>-183</v>
      </c>
      <c r="H22" s="995">
        <v>-173</v>
      </c>
      <c r="I22" s="880">
        <v>-179</v>
      </c>
      <c r="J22" s="880">
        <v>-182</v>
      </c>
      <c r="K22" s="2608">
        <v>-570</v>
      </c>
      <c r="L22" s="2609">
        <v>-617</v>
      </c>
    </row>
    <row r="23" spans="1:12" ht="15" customHeight="1" x14ac:dyDescent="0.25">
      <c r="A23" s="1047" t="s">
        <v>449</v>
      </c>
      <c r="B23" s="2606">
        <v>0</v>
      </c>
      <c r="C23" s="2607">
        <v>0</v>
      </c>
      <c r="D23" s="879">
        <v>0</v>
      </c>
      <c r="E23" s="880">
        <v>0</v>
      </c>
      <c r="F23" s="880">
        <v>0</v>
      </c>
      <c r="G23" s="885">
        <v>0</v>
      </c>
      <c r="H23" s="995">
        <v>0</v>
      </c>
      <c r="I23" s="880">
        <v>-21</v>
      </c>
      <c r="J23" s="880">
        <v>0</v>
      </c>
      <c r="K23" s="2608">
        <v>0</v>
      </c>
      <c r="L23" s="2609">
        <v>-21</v>
      </c>
    </row>
    <row r="24" spans="1:12" ht="15" customHeight="1" x14ac:dyDescent="0.25">
      <c r="A24" s="950" t="s">
        <v>252</v>
      </c>
      <c r="B24" s="2610">
        <v>474</v>
      </c>
      <c r="C24" s="1048">
        <v>469</v>
      </c>
      <c r="D24" s="1049">
        <v>398</v>
      </c>
      <c r="E24" s="1050">
        <v>349</v>
      </c>
      <c r="F24" s="1050">
        <v>267</v>
      </c>
      <c r="G24" s="1051">
        <v>281</v>
      </c>
      <c r="H24" s="1049">
        <v>331</v>
      </c>
      <c r="I24" s="1050">
        <v>623</v>
      </c>
      <c r="J24" s="1050">
        <v>923</v>
      </c>
      <c r="K24" s="1052">
        <v>1295</v>
      </c>
      <c r="L24" s="1053">
        <v>2693</v>
      </c>
    </row>
    <row r="25" spans="1:12" ht="15" customHeight="1" x14ac:dyDescent="0.25">
      <c r="A25" s="1046" t="s">
        <v>461</v>
      </c>
      <c r="B25" s="2599"/>
      <c r="C25" s="2600"/>
      <c r="D25" s="2601"/>
      <c r="E25" s="2602"/>
      <c r="F25" s="2602"/>
      <c r="G25" s="2603"/>
      <c r="H25" s="1006"/>
      <c r="I25" s="2602"/>
      <c r="J25" s="2602"/>
      <c r="K25" s="2604"/>
      <c r="L25" s="2605"/>
    </row>
    <row r="26" spans="1:12" ht="15" customHeight="1" x14ac:dyDescent="0.25">
      <c r="A26" s="944" t="s">
        <v>457</v>
      </c>
      <c r="B26" s="2597">
        <v>64</v>
      </c>
      <c r="C26" s="1039">
        <v>99</v>
      </c>
      <c r="D26" s="920">
        <v>272</v>
      </c>
      <c r="E26" s="921">
        <v>234</v>
      </c>
      <c r="F26" s="921">
        <v>127</v>
      </c>
      <c r="G26" s="922">
        <v>62</v>
      </c>
      <c r="H26" s="920">
        <v>97</v>
      </c>
      <c r="I26" s="921">
        <v>159</v>
      </c>
      <c r="J26" s="921">
        <v>109</v>
      </c>
      <c r="K26" s="1040">
        <v>695</v>
      </c>
      <c r="L26" s="1041">
        <v>443</v>
      </c>
    </row>
    <row r="27" spans="1:12" ht="15" customHeight="1" x14ac:dyDescent="0.25">
      <c r="A27" s="1047" t="s">
        <v>451</v>
      </c>
      <c r="B27" s="2606">
        <v>-13</v>
      </c>
      <c r="C27" s="2607">
        <v>-4</v>
      </c>
      <c r="D27" s="879">
        <v>0</v>
      </c>
      <c r="E27" s="880">
        <v>-4</v>
      </c>
      <c r="F27" s="880">
        <v>-1</v>
      </c>
      <c r="G27" s="885">
        <v>0</v>
      </c>
      <c r="H27" s="995">
        <v>-3</v>
      </c>
      <c r="I27" s="880">
        <v>0</v>
      </c>
      <c r="J27" s="880">
        <v>-9</v>
      </c>
      <c r="K27" s="2608">
        <v>-5</v>
      </c>
      <c r="L27" s="2609">
        <v>-12</v>
      </c>
    </row>
    <row r="28" spans="1:12" ht="15" customHeight="1" x14ac:dyDescent="0.25">
      <c r="A28" s="1047" t="s">
        <v>450</v>
      </c>
      <c r="B28" s="2606">
        <v>-57</v>
      </c>
      <c r="C28" s="2607">
        <v>-47</v>
      </c>
      <c r="D28" s="879">
        <v>-77</v>
      </c>
      <c r="E28" s="880">
        <v>-56</v>
      </c>
      <c r="F28" s="880">
        <v>-72</v>
      </c>
      <c r="G28" s="885">
        <v>-22</v>
      </c>
      <c r="H28" s="995">
        <v>-81</v>
      </c>
      <c r="I28" s="880">
        <v>-48</v>
      </c>
      <c r="J28" s="880">
        <v>-25</v>
      </c>
      <c r="K28" s="2608">
        <v>-227</v>
      </c>
      <c r="L28" s="2609">
        <v>-187</v>
      </c>
    </row>
    <row r="29" spans="1:12" ht="15" customHeight="1" x14ac:dyDescent="0.25">
      <c r="A29" s="1047" t="s">
        <v>449</v>
      </c>
      <c r="B29" s="2606">
        <v>0</v>
      </c>
      <c r="C29" s="2607">
        <v>0</v>
      </c>
      <c r="D29" s="879">
        <v>0</v>
      </c>
      <c r="E29" s="880">
        <v>0</v>
      </c>
      <c r="F29" s="880">
        <v>0</v>
      </c>
      <c r="G29" s="885">
        <v>0</v>
      </c>
      <c r="H29" s="995">
        <v>0</v>
      </c>
      <c r="I29" s="880">
        <v>0</v>
      </c>
      <c r="J29" s="880">
        <v>0</v>
      </c>
      <c r="K29" s="2608">
        <v>0</v>
      </c>
      <c r="L29" s="2609">
        <v>0</v>
      </c>
    </row>
    <row r="30" spans="1:12" ht="15" customHeight="1" x14ac:dyDescent="0.25">
      <c r="A30" s="950" t="s">
        <v>252</v>
      </c>
      <c r="B30" s="2610">
        <v>-6</v>
      </c>
      <c r="C30" s="1048">
        <v>48</v>
      </c>
      <c r="D30" s="1049">
        <v>195</v>
      </c>
      <c r="E30" s="1050">
        <v>174</v>
      </c>
      <c r="F30" s="1050">
        <v>54</v>
      </c>
      <c r="G30" s="1051">
        <v>40</v>
      </c>
      <c r="H30" s="1049">
        <v>13</v>
      </c>
      <c r="I30" s="1050">
        <v>111</v>
      </c>
      <c r="J30" s="1050">
        <v>75</v>
      </c>
      <c r="K30" s="1052">
        <v>463</v>
      </c>
      <c r="L30" s="1053">
        <v>244</v>
      </c>
    </row>
    <row r="31" spans="1:12" ht="15" customHeight="1" x14ac:dyDescent="0.25">
      <c r="A31" s="1046" t="s">
        <v>331</v>
      </c>
      <c r="B31" s="2599"/>
      <c r="C31" s="2600"/>
      <c r="D31" s="2601"/>
      <c r="E31" s="2602"/>
      <c r="F31" s="2602"/>
      <c r="G31" s="2603"/>
      <c r="H31" s="1006"/>
      <c r="I31" s="2602"/>
      <c r="J31" s="2602"/>
      <c r="K31" s="2604"/>
      <c r="L31" s="2605"/>
    </row>
    <row r="32" spans="1:12" ht="15" customHeight="1" x14ac:dyDescent="0.25">
      <c r="A32" s="944" t="s">
        <v>448</v>
      </c>
      <c r="B32" s="2597">
        <v>11</v>
      </c>
      <c r="C32" s="1039">
        <v>5</v>
      </c>
      <c r="D32" s="920">
        <v>1</v>
      </c>
      <c r="E32" s="921">
        <v>1</v>
      </c>
      <c r="F32" s="921">
        <v>5</v>
      </c>
      <c r="G32" s="922">
        <v>8</v>
      </c>
      <c r="H32" s="920">
        <v>0</v>
      </c>
      <c r="I32" s="921">
        <v>-4</v>
      </c>
      <c r="J32" s="921">
        <v>-3</v>
      </c>
      <c r="K32" s="1040">
        <v>15</v>
      </c>
      <c r="L32" s="1041">
        <v>7</v>
      </c>
    </row>
    <row r="33" spans="1:12" ht="15" customHeight="1" x14ac:dyDescent="0.25">
      <c r="A33" s="1047" t="s">
        <v>451</v>
      </c>
      <c r="B33" s="2606">
        <v>-3</v>
      </c>
      <c r="C33" s="2607">
        <v>0</v>
      </c>
      <c r="D33" s="879">
        <v>0</v>
      </c>
      <c r="E33" s="880">
        <v>0</v>
      </c>
      <c r="F33" s="880">
        <v>-4</v>
      </c>
      <c r="G33" s="885">
        <v>0</v>
      </c>
      <c r="H33" s="995">
        <v>0</v>
      </c>
      <c r="I33" s="880">
        <v>0</v>
      </c>
      <c r="J33" s="880">
        <v>0</v>
      </c>
      <c r="K33" s="2608">
        <v>-4</v>
      </c>
      <c r="L33" s="2609">
        <v>0</v>
      </c>
    </row>
    <row r="34" spans="1:12" ht="15" customHeight="1" x14ac:dyDescent="0.25">
      <c r="A34" s="1047" t="s">
        <v>450</v>
      </c>
      <c r="B34" s="2606">
        <v>-2</v>
      </c>
      <c r="C34" s="2607">
        <v>-5</v>
      </c>
      <c r="D34" s="879">
        <v>-10</v>
      </c>
      <c r="E34" s="880">
        <v>-2</v>
      </c>
      <c r="F34" s="880">
        <v>0</v>
      </c>
      <c r="G34" s="885">
        <v>0</v>
      </c>
      <c r="H34" s="995">
        <v>0</v>
      </c>
      <c r="I34" s="880">
        <v>-1</v>
      </c>
      <c r="J34" s="880">
        <v>-2</v>
      </c>
      <c r="K34" s="2608">
        <v>-12</v>
      </c>
      <c r="L34" s="2609">
        <v>-3</v>
      </c>
    </row>
    <row r="35" spans="1:12" ht="15" customHeight="1" x14ac:dyDescent="0.25">
      <c r="A35" s="1047" t="s">
        <v>449</v>
      </c>
      <c r="B35" s="2606">
        <v>0</v>
      </c>
      <c r="C35" s="2607">
        <v>0</v>
      </c>
      <c r="D35" s="879">
        <v>0</v>
      </c>
      <c r="E35" s="880">
        <v>0</v>
      </c>
      <c r="F35" s="880">
        <v>0</v>
      </c>
      <c r="G35" s="885">
        <v>0</v>
      </c>
      <c r="H35" s="995">
        <v>0</v>
      </c>
      <c r="I35" s="880">
        <v>0</v>
      </c>
      <c r="J35" s="880">
        <v>0</v>
      </c>
      <c r="K35" s="2608">
        <v>0</v>
      </c>
      <c r="L35" s="2609">
        <v>0</v>
      </c>
    </row>
    <row r="36" spans="1:12" ht="15" customHeight="1" x14ac:dyDescent="0.25">
      <c r="A36" s="950" t="s">
        <v>252</v>
      </c>
      <c r="B36" s="2610">
        <v>6</v>
      </c>
      <c r="C36" s="1048">
        <v>0</v>
      </c>
      <c r="D36" s="1049">
        <v>-9</v>
      </c>
      <c r="E36" s="1050">
        <v>-1</v>
      </c>
      <c r="F36" s="1050">
        <v>1</v>
      </c>
      <c r="G36" s="1051">
        <v>8</v>
      </c>
      <c r="H36" s="1049">
        <v>0</v>
      </c>
      <c r="I36" s="1050">
        <v>-5</v>
      </c>
      <c r="J36" s="1050">
        <v>-5</v>
      </c>
      <c r="K36" s="1052">
        <v>-1</v>
      </c>
      <c r="L36" s="1053">
        <v>4</v>
      </c>
    </row>
    <row r="37" spans="1:12" ht="15" customHeight="1" x14ac:dyDescent="0.25">
      <c r="A37" s="1046" t="s">
        <v>301</v>
      </c>
      <c r="B37" s="2599"/>
      <c r="C37" s="2600"/>
      <c r="D37" s="2601"/>
      <c r="E37" s="2602"/>
      <c r="F37" s="2602"/>
      <c r="G37" s="2603"/>
      <c r="H37" s="1006"/>
      <c r="I37" s="2602"/>
      <c r="J37" s="2602"/>
      <c r="K37" s="2604"/>
      <c r="L37" s="2605"/>
    </row>
    <row r="38" spans="1:12" ht="15" customHeight="1" x14ac:dyDescent="0.25">
      <c r="A38" s="944" t="s">
        <v>448</v>
      </c>
      <c r="B38" s="2597">
        <v>0</v>
      </c>
      <c r="C38" s="1039">
        <v>0</v>
      </c>
      <c r="D38" s="920">
        <v>26</v>
      </c>
      <c r="E38" s="921">
        <v>0</v>
      </c>
      <c r="F38" s="921">
        <v>1</v>
      </c>
      <c r="G38" s="922">
        <v>34</v>
      </c>
      <c r="H38" s="920">
        <v>0</v>
      </c>
      <c r="I38" s="921">
        <v>1</v>
      </c>
      <c r="J38" s="921">
        <v>105</v>
      </c>
      <c r="K38" s="1040">
        <v>61</v>
      </c>
      <c r="L38" s="1041">
        <v>135</v>
      </c>
    </row>
    <row r="39" spans="1:12" ht="15" customHeight="1" x14ac:dyDescent="0.25">
      <c r="A39" s="1047" t="s">
        <v>451</v>
      </c>
      <c r="B39" s="2606">
        <v>0</v>
      </c>
      <c r="C39" s="2607">
        <v>0</v>
      </c>
      <c r="D39" s="879">
        <v>0</v>
      </c>
      <c r="E39" s="880">
        <v>0</v>
      </c>
      <c r="F39" s="880">
        <v>-15</v>
      </c>
      <c r="G39" s="885">
        <v>0</v>
      </c>
      <c r="H39" s="995">
        <v>0</v>
      </c>
      <c r="I39" s="880">
        <v>-32</v>
      </c>
      <c r="J39" s="880">
        <v>-7</v>
      </c>
      <c r="K39" s="2608">
        <v>-15</v>
      </c>
      <c r="L39" s="2609">
        <v>-39</v>
      </c>
    </row>
    <row r="40" spans="1:12" ht="15" customHeight="1" x14ac:dyDescent="0.25">
      <c r="A40" s="1047" t="s">
        <v>450</v>
      </c>
      <c r="B40" s="2606">
        <v>-5</v>
      </c>
      <c r="C40" s="2607">
        <v>-3</v>
      </c>
      <c r="D40" s="879">
        <v>-3</v>
      </c>
      <c r="E40" s="880">
        <v>-28</v>
      </c>
      <c r="F40" s="880">
        <v>-13</v>
      </c>
      <c r="G40" s="885">
        <v>-8</v>
      </c>
      <c r="H40" s="995">
        <v>-11</v>
      </c>
      <c r="I40" s="880">
        <v>-9</v>
      </c>
      <c r="J40" s="880">
        <v>-16</v>
      </c>
      <c r="K40" s="2608">
        <v>-52</v>
      </c>
      <c r="L40" s="2609">
        <v>-103</v>
      </c>
    </row>
    <row r="41" spans="1:12" ht="15" customHeight="1" x14ac:dyDescent="0.25">
      <c r="A41" s="1047" t="s">
        <v>449</v>
      </c>
      <c r="B41" s="2606">
        <v>-19</v>
      </c>
      <c r="C41" s="2607">
        <v>0</v>
      </c>
      <c r="D41" s="879">
        <v>0</v>
      </c>
      <c r="E41" s="880">
        <v>-7</v>
      </c>
      <c r="F41" s="880">
        <v>-33</v>
      </c>
      <c r="G41" s="885">
        <v>-13</v>
      </c>
      <c r="H41" s="995">
        <v>0</v>
      </c>
      <c r="I41" s="880">
        <v>-4</v>
      </c>
      <c r="J41" s="880">
        <v>0</v>
      </c>
      <c r="K41" s="2608">
        <v>-53</v>
      </c>
      <c r="L41" s="2609">
        <v>-10</v>
      </c>
    </row>
    <row r="42" spans="1:12" ht="15" customHeight="1" x14ac:dyDescent="0.25">
      <c r="A42" s="1047" t="s">
        <v>252</v>
      </c>
      <c r="B42" s="2606">
        <v>-24</v>
      </c>
      <c r="C42" s="2607">
        <v>-3</v>
      </c>
      <c r="D42" s="879">
        <v>23</v>
      </c>
      <c r="E42" s="880">
        <v>-35</v>
      </c>
      <c r="F42" s="880">
        <v>-60</v>
      </c>
      <c r="G42" s="885">
        <v>13</v>
      </c>
      <c r="H42" s="995">
        <v>-11</v>
      </c>
      <c r="I42" s="880">
        <v>-44</v>
      </c>
      <c r="J42" s="880">
        <v>82</v>
      </c>
      <c r="K42" s="2608">
        <v>-59</v>
      </c>
      <c r="L42" s="2609">
        <v>-17</v>
      </c>
    </row>
    <row r="43" spans="1:12" ht="15" customHeight="1" x14ac:dyDescent="0.25">
      <c r="A43" s="1054" t="s">
        <v>253</v>
      </c>
      <c r="B43" s="2606">
        <v>765</v>
      </c>
      <c r="C43" s="2607">
        <v>898</v>
      </c>
      <c r="D43" s="879">
        <v>944</v>
      </c>
      <c r="E43" s="880">
        <v>643</v>
      </c>
      <c r="F43" s="880">
        <v>359</v>
      </c>
      <c r="G43" s="885">
        <v>480</v>
      </c>
      <c r="H43" s="995">
        <v>517</v>
      </c>
      <c r="I43" s="880">
        <v>787</v>
      </c>
      <c r="J43" s="880">
        <v>1310</v>
      </c>
      <c r="K43" s="2608">
        <v>2426</v>
      </c>
      <c r="L43" s="2609">
        <v>3707</v>
      </c>
    </row>
    <row r="44" spans="1:12" ht="15" customHeight="1" x14ac:dyDescent="0.25">
      <c r="A44" s="1055"/>
      <c r="B44" s="2598"/>
      <c r="C44" s="1000"/>
      <c r="D44" s="1001"/>
      <c r="E44" s="1002"/>
      <c r="F44" s="1002"/>
      <c r="G44" s="1000"/>
      <c r="H44" s="1001"/>
      <c r="I44" s="1002"/>
      <c r="J44" s="1002"/>
      <c r="K44" s="1044"/>
      <c r="L44" s="1045"/>
    </row>
    <row r="45" spans="1:12" ht="15" customHeight="1" x14ac:dyDescent="0.25">
      <c r="A45" s="1046" t="s">
        <v>462</v>
      </c>
      <c r="B45" s="2599"/>
      <c r="C45" s="2603"/>
      <c r="D45" s="2601"/>
      <c r="E45" s="2602"/>
      <c r="F45" s="2602"/>
      <c r="G45" s="2603"/>
      <c r="H45" s="1006"/>
      <c r="I45" s="2602"/>
      <c r="J45" s="2602"/>
      <c r="K45" s="2604"/>
      <c r="L45" s="2605"/>
    </row>
    <row r="46" spans="1:12" ht="15" customHeight="1" x14ac:dyDescent="0.25">
      <c r="A46" s="944" t="s">
        <v>458</v>
      </c>
      <c r="B46" s="2597">
        <v>-216</v>
      </c>
      <c r="C46" s="1056">
        <v>-199</v>
      </c>
      <c r="D46" s="920">
        <v>-177</v>
      </c>
      <c r="E46" s="921">
        <v>-183</v>
      </c>
      <c r="F46" s="921">
        <v>-160</v>
      </c>
      <c r="G46" s="922">
        <v>-160</v>
      </c>
      <c r="H46" s="920">
        <v>-150</v>
      </c>
      <c r="I46" s="921">
        <v>-180</v>
      </c>
      <c r="J46" s="921">
        <v>-214</v>
      </c>
      <c r="K46" s="1040">
        <v>-680</v>
      </c>
      <c r="L46" s="1041">
        <v>-755</v>
      </c>
    </row>
    <row r="47" spans="1:12" ht="15" customHeight="1" x14ac:dyDescent="0.25">
      <c r="A47" s="1047" t="s">
        <v>459</v>
      </c>
      <c r="B47" s="2606">
        <v>-20</v>
      </c>
      <c r="C47" s="2611">
        <v>-21</v>
      </c>
      <c r="D47" s="879">
        <v>-16</v>
      </c>
      <c r="E47" s="880">
        <v>-27</v>
      </c>
      <c r="F47" s="880">
        <v>-21</v>
      </c>
      <c r="G47" s="885">
        <v>-14</v>
      </c>
      <c r="H47" s="995">
        <v>-13</v>
      </c>
      <c r="I47" s="880">
        <v>-41</v>
      </c>
      <c r="J47" s="880">
        <v>-48</v>
      </c>
      <c r="K47" s="2608">
        <v>-78</v>
      </c>
      <c r="L47" s="2609">
        <v>-131</v>
      </c>
    </row>
    <row r="48" spans="1:12" ht="15" customHeight="1" x14ac:dyDescent="0.25">
      <c r="A48" s="1047" t="s">
        <v>460</v>
      </c>
      <c r="B48" s="2606">
        <v>-409</v>
      </c>
      <c r="C48" s="2611">
        <v>-371</v>
      </c>
      <c r="D48" s="879">
        <v>-335</v>
      </c>
      <c r="E48" s="880">
        <v>-287</v>
      </c>
      <c r="F48" s="880">
        <v>-317</v>
      </c>
      <c r="G48" s="885">
        <v>-359</v>
      </c>
      <c r="H48" s="995">
        <v>-485</v>
      </c>
      <c r="I48" s="880">
        <v>-812</v>
      </c>
      <c r="J48" s="880">
        <v>-942</v>
      </c>
      <c r="K48" s="2608">
        <v>-1298</v>
      </c>
      <c r="L48" s="2609">
        <v>-2731</v>
      </c>
    </row>
    <row r="49" spans="1:12" ht="15" customHeight="1" x14ac:dyDescent="0.25">
      <c r="A49" s="1047" t="s">
        <v>461</v>
      </c>
      <c r="B49" s="2606">
        <v>-50</v>
      </c>
      <c r="C49" s="2611">
        <v>-77</v>
      </c>
      <c r="D49" s="879">
        <v>-44</v>
      </c>
      <c r="E49" s="880">
        <v>-75</v>
      </c>
      <c r="F49" s="880">
        <v>-48</v>
      </c>
      <c r="G49" s="885">
        <v>-51</v>
      </c>
      <c r="H49" s="995">
        <v>-52</v>
      </c>
      <c r="I49" s="880">
        <v>-101</v>
      </c>
      <c r="J49" s="880">
        <v>-44</v>
      </c>
      <c r="K49" s="2608">
        <v>-218</v>
      </c>
      <c r="L49" s="2609">
        <v>-230</v>
      </c>
    </row>
    <row r="50" spans="1:12" ht="15" customHeight="1" x14ac:dyDescent="0.25">
      <c r="A50" s="1047" t="s">
        <v>331</v>
      </c>
      <c r="B50" s="2606">
        <v>-1</v>
      </c>
      <c r="C50" s="2611">
        <v>0</v>
      </c>
      <c r="D50" s="879">
        <v>-1</v>
      </c>
      <c r="E50" s="880">
        <v>-3</v>
      </c>
      <c r="F50" s="880">
        <v>0</v>
      </c>
      <c r="G50" s="885">
        <v>-3</v>
      </c>
      <c r="H50" s="995">
        <v>-1</v>
      </c>
      <c r="I50" s="880">
        <v>-1</v>
      </c>
      <c r="J50" s="880">
        <v>0</v>
      </c>
      <c r="K50" s="2608">
        <v>-7</v>
      </c>
      <c r="L50" s="2609">
        <v>-2</v>
      </c>
    </row>
    <row r="51" spans="1:12" ht="15" customHeight="1" x14ac:dyDescent="0.25">
      <c r="A51" s="1047" t="s">
        <v>301</v>
      </c>
      <c r="B51" s="2606">
        <v>0</v>
      </c>
      <c r="C51" s="2611">
        <v>-8</v>
      </c>
      <c r="D51" s="879">
        <v>-5</v>
      </c>
      <c r="E51" s="880">
        <v>-2</v>
      </c>
      <c r="F51" s="880">
        <v>-4</v>
      </c>
      <c r="G51" s="885">
        <v>-6</v>
      </c>
      <c r="H51" s="995">
        <v>-5</v>
      </c>
      <c r="I51" s="880">
        <v>-9</v>
      </c>
      <c r="J51" s="880">
        <v>-13</v>
      </c>
      <c r="K51" s="2608">
        <v>-17</v>
      </c>
      <c r="L51" s="2609">
        <v>-52</v>
      </c>
    </row>
    <row r="52" spans="1:12" ht="15" customHeight="1" x14ac:dyDescent="0.25">
      <c r="A52" s="1054" t="s">
        <v>253</v>
      </c>
      <c r="B52" s="2606">
        <v>-696</v>
      </c>
      <c r="C52" s="2611">
        <v>-676</v>
      </c>
      <c r="D52" s="879">
        <v>-578</v>
      </c>
      <c r="E52" s="880">
        <v>-577</v>
      </c>
      <c r="F52" s="880">
        <v>-550</v>
      </c>
      <c r="G52" s="885">
        <v>-593</v>
      </c>
      <c r="H52" s="995">
        <v>-706</v>
      </c>
      <c r="I52" s="880">
        <v>-1144</v>
      </c>
      <c r="J52" s="880">
        <v>-1261</v>
      </c>
      <c r="K52" s="2608">
        <v>-2298</v>
      </c>
      <c r="L52" s="2609">
        <v>-3901</v>
      </c>
    </row>
    <row r="53" spans="1:12" ht="15" customHeight="1" x14ac:dyDescent="0.25">
      <c r="A53" s="1055"/>
      <c r="B53" s="2598"/>
      <c r="C53" s="1057"/>
      <c r="D53" s="1001"/>
      <c r="E53" s="1002"/>
      <c r="F53" s="1002"/>
      <c r="G53" s="1000"/>
      <c r="H53" s="1001"/>
      <c r="I53" s="1002"/>
      <c r="J53" s="1002"/>
      <c r="K53" s="1044"/>
      <c r="L53" s="1045"/>
    </row>
    <row r="54" spans="1:12" ht="15" customHeight="1" x14ac:dyDescent="0.25">
      <c r="A54" s="1046" t="s">
        <v>702</v>
      </c>
      <c r="B54" s="2599"/>
      <c r="C54" s="2612"/>
      <c r="D54" s="2601"/>
      <c r="E54" s="2602"/>
      <c r="F54" s="2602"/>
      <c r="G54" s="2603"/>
      <c r="H54" s="1006"/>
      <c r="I54" s="2602"/>
      <c r="J54" s="2602"/>
      <c r="K54" s="2604"/>
      <c r="L54" s="2605"/>
    </row>
    <row r="55" spans="1:12" ht="15" customHeight="1" x14ac:dyDescent="0.25">
      <c r="A55" s="944" t="s">
        <v>458</v>
      </c>
      <c r="B55" s="2597">
        <v>0</v>
      </c>
      <c r="C55" s="1056">
        <v>0</v>
      </c>
      <c r="D55" s="920">
        <v>1</v>
      </c>
      <c r="E55" s="921">
        <v>0</v>
      </c>
      <c r="F55" s="921">
        <v>0</v>
      </c>
      <c r="G55" s="922">
        <v>0</v>
      </c>
      <c r="H55" s="920">
        <v>0</v>
      </c>
      <c r="I55" s="921">
        <v>0</v>
      </c>
      <c r="J55" s="921">
        <v>0</v>
      </c>
      <c r="K55" s="1040">
        <v>1</v>
      </c>
      <c r="L55" s="1041">
        <v>0</v>
      </c>
    </row>
    <row r="56" spans="1:12" ht="15" customHeight="1" x14ac:dyDescent="0.25">
      <c r="A56" s="1047" t="s">
        <v>459</v>
      </c>
      <c r="B56" s="2606">
        <v>-1</v>
      </c>
      <c r="C56" s="2611">
        <v>-2</v>
      </c>
      <c r="D56" s="879">
        <v>1</v>
      </c>
      <c r="E56" s="880">
        <v>1</v>
      </c>
      <c r="F56" s="880">
        <v>4</v>
      </c>
      <c r="G56" s="885">
        <v>-1</v>
      </c>
      <c r="H56" s="995">
        <v>-1</v>
      </c>
      <c r="I56" s="880">
        <v>0</v>
      </c>
      <c r="J56" s="880">
        <v>0</v>
      </c>
      <c r="K56" s="2608">
        <v>5</v>
      </c>
      <c r="L56" s="2609">
        <v>-5</v>
      </c>
    </row>
    <row r="57" spans="1:12" ht="15" customHeight="1" x14ac:dyDescent="0.25">
      <c r="A57" s="1047" t="s">
        <v>460</v>
      </c>
      <c r="B57" s="2606">
        <v>62</v>
      </c>
      <c r="C57" s="2611">
        <v>72</v>
      </c>
      <c r="D57" s="879">
        <v>72</v>
      </c>
      <c r="E57" s="880">
        <v>-36</v>
      </c>
      <c r="F57" s="880">
        <v>8</v>
      </c>
      <c r="G57" s="885">
        <v>45</v>
      </c>
      <c r="H57" s="995">
        <v>-50</v>
      </c>
      <c r="I57" s="880">
        <v>-15</v>
      </c>
      <c r="J57" s="880">
        <v>-124</v>
      </c>
      <c r="K57" s="2608">
        <v>89</v>
      </c>
      <c r="L57" s="2609">
        <v>-224</v>
      </c>
    </row>
    <row r="58" spans="1:12" ht="15" customHeight="1" x14ac:dyDescent="0.25">
      <c r="A58" s="1047" t="s">
        <v>461</v>
      </c>
      <c r="B58" s="2606">
        <v>68</v>
      </c>
      <c r="C58" s="2611">
        <v>30</v>
      </c>
      <c r="D58" s="879">
        <v>85</v>
      </c>
      <c r="E58" s="880">
        <v>-41</v>
      </c>
      <c r="F58" s="880">
        <v>8</v>
      </c>
      <c r="G58" s="885">
        <v>42</v>
      </c>
      <c r="H58" s="995">
        <v>-38</v>
      </c>
      <c r="I58" s="880">
        <v>-12</v>
      </c>
      <c r="J58" s="880">
        <v>-80</v>
      </c>
      <c r="K58" s="2608">
        <v>94</v>
      </c>
      <c r="L58" s="2609">
        <v>-158</v>
      </c>
    </row>
    <row r="59" spans="1:12" ht="15" customHeight="1" x14ac:dyDescent="0.25">
      <c r="A59" s="1047" t="s">
        <v>331</v>
      </c>
      <c r="B59" s="2606">
        <v>0</v>
      </c>
      <c r="C59" s="2611">
        <v>0</v>
      </c>
      <c r="D59" s="879">
        <v>1</v>
      </c>
      <c r="E59" s="880">
        <v>-1</v>
      </c>
      <c r="F59" s="880">
        <v>-1</v>
      </c>
      <c r="G59" s="885">
        <v>1</v>
      </c>
      <c r="H59" s="995">
        <v>-1</v>
      </c>
      <c r="I59" s="880">
        <v>1</v>
      </c>
      <c r="J59" s="880">
        <v>-1</v>
      </c>
      <c r="K59" s="2608">
        <v>0</v>
      </c>
      <c r="L59" s="2609">
        <v>-2</v>
      </c>
    </row>
    <row r="60" spans="1:12" ht="15" customHeight="1" x14ac:dyDescent="0.25">
      <c r="A60" s="1047" t="s">
        <v>301</v>
      </c>
      <c r="B60" s="2606">
        <v>3</v>
      </c>
      <c r="C60" s="2611">
        <v>-4</v>
      </c>
      <c r="D60" s="879">
        <v>8</v>
      </c>
      <c r="E60" s="880">
        <v>-1</v>
      </c>
      <c r="F60" s="880">
        <v>1</v>
      </c>
      <c r="G60" s="885">
        <v>5</v>
      </c>
      <c r="H60" s="995">
        <v>0</v>
      </c>
      <c r="I60" s="880">
        <v>2</v>
      </c>
      <c r="J60" s="880">
        <v>-7</v>
      </c>
      <c r="K60" s="2608">
        <v>13</v>
      </c>
      <c r="L60" s="2609">
        <v>-14</v>
      </c>
    </row>
    <row r="61" spans="1:12" ht="15" customHeight="1" x14ac:dyDescent="0.25">
      <c r="A61" s="1054" t="s">
        <v>253</v>
      </c>
      <c r="B61" s="2606">
        <v>132</v>
      </c>
      <c r="C61" s="2611">
        <v>96</v>
      </c>
      <c r="D61" s="879">
        <v>168</v>
      </c>
      <c r="E61" s="880">
        <v>-78</v>
      </c>
      <c r="F61" s="880">
        <v>20</v>
      </c>
      <c r="G61" s="885">
        <v>92</v>
      </c>
      <c r="H61" s="995">
        <v>-90</v>
      </c>
      <c r="I61" s="880">
        <v>-24</v>
      </c>
      <c r="J61" s="880">
        <v>-212</v>
      </c>
      <c r="K61" s="2608">
        <v>202</v>
      </c>
      <c r="L61" s="2609">
        <v>-403</v>
      </c>
    </row>
    <row r="62" spans="1:12" ht="15" customHeight="1" x14ac:dyDescent="0.25">
      <c r="A62" s="1058" t="s">
        <v>406</v>
      </c>
      <c r="B62" s="2613">
        <v>5305</v>
      </c>
      <c r="C62" s="2614">
        <v>5104</v>
      </c>
      <c r="D62" s="2615">
        <v>4786</v>
      </c>
      <c r="E62" s="2616">
        <v>4252</v>
      </c>
      <c r="F62" s="2616">
        <v>4264</v>
      </c>
      <c r="G62" s="2617">
        <v>4435</v>
      </c>
      <c r="H62" s="1049">
        <v>4456</v>
      </c>
      <c r="I62" s="2616">
        <v>4735</v>
      </c>
      <c r="J62" s="2616">
        <v>5116</v>
      </c>
      <c r="K62" s="2618">
        <v>4786</v>
      </c>
      <c r="L62" s="2619">
        <v>4456</v>
      </c>
    </row>
    <row r="63" spans="1:12" ht="13" customHeight="1" x14ac:dyDescent="0.25">
      <c r="A63" s="781"/>
      <c r="B63" s="1059"/>
      <c r="C63" s="1059"/>
      <c r="D63" s="1059"/>
      <c r="E63" s="1059"/>
      <c r="F63" s="1059"/>
      <c r="G63" s="1059"/>
      <c r="H63" s="1059"/>
      <c r="I63" s="1059"/>
      <c r="J63" s="1059"/>
      <c r="K63" s="1059"/>
      <c r="L63" s="1059"/>
    </row>
    <row r="64" spans="1:12" ht="10.4" customHeight="1" x14ac:dyDescent="0.25">
      <c r="A64" s="3103" t="s">
        <v>464</v>
      </c>
      <c r="B64" s="3104" t="s">
        <v>38</v>
      </c>
      <c r="C64" s="3104" t="s">
        <v>38</v>
      </c>
      <c r="D64" s="3104" t="s">
        <v>38</v>
      </c>
      <c r="E64" s="3104" t="s">
        <v>38</v>
      </c>
      <c r="F64" s="3104" t="s">
        <v>38</v>
      </c>
      <c r="G64" s="3104" t="s">
        <v>38</v>
      </c>
      <c r="H64" s="3104" t="s">
        <v>38</v>
      </c>
      <c r="I64" s="3104" t="s">
        <v>38</v>
      </c>
      <c r="J64" s="3104" t="s">
        <v>38</v>
      </c>
      <c r="K64" s="3104" t="s">
        <v>38</v>
      </c>
      <c r="L64" s="3104" t="s">
        <v>38</v>
      </c>
    </row>
    <row r="65" spans="1:12" ht="10.4" customHeight="1" x14ac:dyDescent="0.25">
      <c r="A65" s="3103"/>
      <c r="B65" s="3104" t="s">
        <v>38</v>
      </c>
      <c r="C65" s="3104" t="s">
        <v>38</v>
      </c>
      <c r="D65" s="3104" t="s">
        <v>38</v>
      </c>
      <c r="E65" s="3104" t="s">
        <v>38</v>
      </c>
      <c r="F65" s="3104" t="s">
        <v>38</v>
      </c>
      <c r="G65" s="3104" t="s">
        <v>38</v>
      </c>
      <c r="H65" s="3104" t="s">
        <v>38</v>
      </c>
      <c r="I65" s="3104" t="s">
        <v>38</v>
      </c>
      <c r="J65" s="3104" t="s">
        <v>38</v>
      </c>
      <c r="K65" s="3104" t="s">
        <v>38</v>
      </c>
      <c r="L65" s="3104" t="s">
        <v>38</v>
      </c>
    </row>
    <row r="66" spans="1:12" ht="10.4" customHeight="1" x14ac:dyDescent="0.25">
      <c r="A66" s="3103"/>
      <c r="B66" s="3104" t="s">
        <v>38</v>
      </c>
      <c r="C66" s="3104" t="s">
        <v>38</v>
      </c>
      <c r="D66" s="3104" t="s">
        <v>38</v>
      </c>
      <c r="E66" s="3104" t="s">
        <v>38</v>
      </c>
      <c r="F66" s="3104" t="s">
        <v>38</v>
      </c>
      <c r="G66" s="3104" t="s">
        <v>38</v>
      </c>
      <c r="H66" s="3104" t="s">
        <v>38</v>
      </c>
      <c r="I66" s="3104" t="s">
        <v>38</v>
      </c>
      <c r="J66" s="3104" t="s">
        <v>38</v>
      </c>
      <c r="K66" s="3104" t="s">
        <v>38</v>
      </c>
      <c r="L66" s="3104" t="s">
        <v>38</v>
      </c>
    </row>
    <row r="67" spans="1:12" ht="9" customHeight="1" x14ac:dyDescent="0.25">
      <c r="A67" s="3103"/>
      <c r="B67" s="3104" t="s">
        <v>38</v>
      </c>
      <c r="C67" s="3104" t="s">
        <v>38</v>
      </c>
      <c r="D67" s="3104" t="s">
        <v>38</v>
      </c>
      <c r="E67" s="3104" t="s">
        <v>38</v>
      </c>
      <c r="F67" s="3104" t="s">
        <v>38</v>
      </c>
      <c r="G67" s="3104" t="s">
        <v>38</v>
      </c>
      <c r="H67" s="3104" t="s">
        <v>38</v>
      </c>
      <c r="I67" s="3104" t="s">
        <v>38</v>
      </c>
      <c r="J67" s="3104" t="s">
        <v>38</v>
      </c>
      <c r="K67" s="3104" t="s">
        <v>38</v>
      </c>
      <c r="L67" s="3104" t="s">
        <v>38</v>
      </c>
    </row>
  </sheetData>
  <mergeCells count="9">
    <mergeCell ref="A65:L65"/>
    <mergeCell ref="A66:L66"/>
    <mergeCell ref="A67:L67"/>
    <mergeCell ref="A2:L2"/>
    <mergeCell ref="B3:C3"/>
    <mergeCell ref="D3:G3"/>
    <mergeCell ref="H3:J3"/>
    <mergeCell ref="K3:L3"/>
    <mergeCell ref="A64:L64"/>
  </mergeCells>
  <hyperlinks>
    <hyperlink ref="A1" location="TDM!A1" display="Retour à la table des matières" xr:uid="{00000000-0004-0000-1900-000000000000}"/>
  </hyperlinks>
  <printOptions horizontalCentered="1"/>
  <pageMargins left="0.51181102362204722" right="0.51181102362204722" top="0.51181102362204722" bottom="0.51181102362204722" header="0.23622047244094491" footer="0.23622047244094491"/>
  <pageSetup scale="53" orientation="landscape" r:id="rId1"/>
  <headerFooter>
    <oddFooter>&amp;L&amp;G&amp;C&amp;"Scotia,Regular"&amp;9Informations financières supplémentaires (IFS)&amp;R&amp;"Scotia,Regular"&amp;9&amp;A</oddFooter>
  </headerFooter>
  <legacyDrawingHF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9E2FAD-5D14-4618-B15A-D1719E749EC7}">
  <sheetPr>
    <pageSetUpPr fitToPage="1"/>
  </sheetPr>
  <dimension ref="A1:L70"/>
  <sheetViews>
    <sheetView showGridLines="0" zoomScaleNormal="100" workbookViewId="0"/>
  </sheetViews>
  <sheetFormatPr defaultColWidth="8.7265625" defaultRowHeight="12.5" x14ac:dyDescent="0.25"/>
  <cols>
    <col min="1" max="1" width="77.81640625" style="25" customWidth="1"/>
    <col min="2" max="12" width="12.26953125" style="25" customWidth="1"/>
    <col min="13" max="16384" width="8.7265625" style="25"/>
  </cols>
  <sheetData>
    <row r="1" spans="1:12" ht="20.149999999999999" customHeight="1" x14ac:dyDescent="0.25">
      <c r="A1" s="24" t="s">
        <v>37</v>
      </c>
    </row>
    <row r="2" spans="1:12" ht="24" customHeight="1" x14ac:dyDescent="0.25">
      <c r="A2" s="3292" t="s">
        <v>465</v>
      </c>
      <c r="B2" s="3292" t="s">
        <v>38</v>
      </c>
      <c r="C2" s="3292" t="s">
        <v>38</v>
      </c>
      <c r="D2" s="3292" t="s">
        <v>38</v>
      </c>
      <c r="E2" s="3292" t="s">
        <v>38</v>
      </c>
      <c r="F2" s="3292" t="s">
        <v>38</v>
      </c>
      <c r="G2" s="3292" t="s">
        <v>38</v>
      </c>
      <c r="H2" s="3292" t="s">
        <v>38</v>
      </c>
      <c r="I2" s="3292" t="s">
        <v>38</v>
      </c>
      <c r="J2" s="3292" t="s">
        <v>38</v>
      </c>
      <c r="K2" s="3292" t="s">
        <v>38</v>
      </c>
      <c r="L2" s="3292" t="s">
        <v>38</v>
      </c>
    </row>
    <row r="3" spans="1:12" ht="13" customHeight="1" x14ac:dyDescent="0.25">
      <c r="A3" s="1060"/>
      <c r="B3" s="3293" t="s">
        <v>174</v>
      </c>
      <c r="C3" s="3294" t="s">
        <v>38</v>
      </c>
      <c r="D3" s="3295" t="s">
        <v>240</v>
      </c>
      <c r="E3" s="3296" t="s">
        <v>38</v>
      </c>
      <c r="F3" s="3296" t="s">
        <v>38</v>
      </c>
      <c r="G3" s="3297" t="s">
        <v>38</v>
      </c>
      <c r="H3" s="3295" t="s">
        <v>241</v>
      </c>
      <c r="I3" s="3296" t="s">
        <v>38</v>
      </c>
      <c r="J3" s="3296" t="s">
        <v>38</v>
      </c>
      <c r="K3" s="3295" t="s">
        <v>717</v>
      </c>
      <c r="L3" s="3296" t="s">
        <v>38</v>
      </c>
    </row>
    <row r="4" spans="1:12" ht="13" customHeight="1" x14ac:dyDescent="0.25">
      <c r="A4" s="1061" t="s">
        <v>46</v>
      </c>
      <c r="B4" s="1062" t="s">
        <v>49</v>
      </c>
      <c r="C4" s="1063" t="s">
        <v>45</v>
      </c>
      <c r="D4" s="1064" t="s">
        <v>569</v>
      </c>
      <c r="E4" s="1065" t="s">
        <v>570</v>
      </c>
      <c r="F4" s="1066" t="s">
        <v>49</v>
      </c>
      <c r="G4" s="1067" t="s">
        <v>45</v>
      </c>
      <c r="H4" s="1068" t="s">
        <v>569</v>
      </c>
      <c r="I4" s="1065" t="s">
        <v>570</v>
      </c>
      <c r="J4" s="1066" t="s">
        <v>49</v>
      </c>
      <c r="K4" s="1069" t="s">
        <v>240</v>
      </c>
      <c r="L4" s="1066" t="s">
        <v>241</v>
      </c>
    </row>
    <row r="5" spans="1:12" ht="13" customHeight="1" x14ac:dyDescent="0.25">
      <c r="A5" s="1070" t="s">
        <v>466</v>
      </c>
      <c r="B5" s="871"/>
      <c r="C5" s="987"/>
      <c r="D5" s="870"/>
      <c r="E5" s="871"/>
      <c r="F5" s="871"/>
      <c r="G5" s="872"/>
      <c r="H5" s="870"/>
      <c r="I5" s="871"/>
      <c r="J5" s="871"/>
      <c r="K5" s="870"/>
      <c r="L5" s="866"/>
    </row>
    <row r="6" spans="1:12" ht="13" customHeight="1" x14ac:dyDescent="0.25">
      <c r="A6" s="1071" t="s">
        <v>410</v>
      </c>
      <c r="B6" s="2620">
        <v>1654</v>
      </c>
      <c r="C6" s="1072">
        <v>1635</v>
      </c>
      <c r="D6" s="2621">
        <v>1557</v>
      </c>
      <c r="E6" s="2622">
        <v>1604</v>
      </c>
      <c r="F6" s="2622">
        <v>1623</v>
      </c>
      <c r="G6" s="2623">
        <v>1655</v>
      </c>
      <c r="H6" s="995">
        <v>1759</v>
      </c>
      <c r="I6" s="2622">
        <v>1938</v>
      </c>
      <c r="J6" s="2622">
        <v>1994</v>
      </c>
      <c r="K6" s="2624">
        <v>1655</v>
      </c>
      <c r="L6" s="2625">
        <v>1957</v>
      </c>
    </row>
    <row r="7" spans="1:12" ht="13" customHeight="1" x14ac:dyDescent="0.25">
      <c r="A7" s="1071" t="s">
        <v>660</v>
      </c>
      <c r="B7" s="2620">
        <v>621</v>
      </c>
      <c r="C7" s="1072">
        <v>562</v>
      </c>
      <c r="D7" s="2621">
        <v>494</v>
      </c>
      <c r="E7" s="2622">
        <v>389</v>
      </c>
      <c r="F7" s="2622">
        <v>406</v>
      </c>
      <c r="G7" s="2623">
        <v>405</v>
      </c>
      <c r="H7" s="995">
        <v>511</v>
      </c>
      <c r="I7" s="2622">
        <v>841</v>
      </c>
      <c r="J7" s="2622">
        <v>1192</v>
      </c>
      <c r="K7" s="2624">
        <v>1694</v>
      </c>
      <c r="L7" s="2625">
        <v>3306</v>
      </c>
    </row>
    <row r="8" spans="1:12" ht="13" customHeight="1" x14ac:dyDescent="0.25">
      <c r="A8" s="1071" t="s">
        <v>462</v>
      </c>
      <c r="B8" s="2620">
        <v>-696</v>
      </c>
      <c r="C8" s="1073">
        <v>-676</v>
      </c>
      <c r="D8" s="2621">
        <v>-578</v>
      </c>
      <c r="E8" s="2622">
        <v>-577.4</v>
      </c>
      <c r="F8" s="2622">
        <v>-550</v>
      </c>
      <c r="G8" s="2623">
        <v>-593</v>
      </c>
      <c r="H8" s="995">
        <v>-706</v>
      </c>
      <c r="I8" s="2622">
        <v>-1144</v>
      </c>
      <c r="J8" s="2622">
        <v>-1261</v>
      </c>
      <c r="K8" s="2624">
        <v>-2298.4</v>
      </c>
      <c r="L8" s="2625">
        <v>-3901</v>
      </c>
    </row>
    <row r="9" spans="1:12" ht="13" customHeight="1" x14ac:dyDescent="0.25">
      <c r="A9" s="1071" t="s">
        <v>468</v>
      </c>
      <c r="B9" s="2620">
        <v>144</v>
      </c>
      <c r="C9" s="1073">
        <v>113</v>
      </c>
      <c r="D9" s="2621">
        <v>116</v>
      </c>
      <c r="E9" s="2622">
        <v>192</v>
      </c>
      <c r="F9" s="2622">
        <v>128</v>
      </c>
      <c r="G9" s="2623">
        <v>136</v>
      </c>
      <c r="H9" s="995">
        <v>146</v>
      </c>
      <c r="I9" s="2622">
        <v>161</v>
      </c>
      <c r="J9" s="2622">
        <v>120</v>
      </c>
      <c r="K9" s="2624">
        <v>572</v>
      </c>
      <c r="L9" s="2625">
        <v>543</v>
      </c>
    </row>
    <row r="10" spans="1:12" ht="13" customHeight="1" x14ac:dyDescent="0.25">
      <c r="A10" s="1071" t="s">
        <v>467</v>
      </c>
      <c r="B10" s="2620">
        <v>28</v>
      </c>
      <c r="C10" s="1072">
        <v>20</v>
      </c>
      <c r="D10" s="2621">
        <v>46</v>
      </c>
      <c r="E10" s="2622">
        <v>-50.599999999999909</v>
      </c>
      <c r="F10" s="2622">
        <v>-3</v>
      </c>
      <c r="G10" s="2623">
        <v>20</v>
      </c>
      <c r="H10" s="995">
        <v>-55</v>
      </c>
      <c r="I10" s="2622">
        <v>-37</v>
      </c>
      <c r="J10" s="2622">
        <v>-107</v>
      </c>
      <c r="K10" s="2624">
        <v>12.400000000000091</v>
      </c>
      <c r="L10" s="2625">
        <v>-250</v>
      </c>
    </row>
    <row r="11" spans="1:12" ht="13" customHeight="1" x14ac:dyDescent="0.25">
      <c r="A11" s="1071" t="s">
        <v>406</v>
      </c>
      <c r="B11" s="2620">
        <v>1751</v>
      </c>
      <c r="C11" s="1072">
        <v>1654</v>
      </c>
      <c r="D11" s="2621">
        <v>1635</v>
      </c>
      <c r="E11" s="2622">
        <v>1557</v>
      </c>
      <c r="F11" s="2622">
        <v>1604</v>
      </c>
      <c r="G11" s="2623">
        <v>1623</v>
      </c>
      <c r="H11" s="995">
        <v>1655</v>
      </c>
      <c r="I11" s="2622">
        <v>1759</v>
      </c>
      <c r="J11" s="2622">
        <v>1938</v>
      </c>
      <c r="K11" s="2624">
        <v>1635</v>
      </c>
      <c r="L11" s="2625">
        <v>1655</v>
      </c>
    </row>
    <row r="12" spans="1:12" ht="13" customHeight="1" x14ac:dyDescent="0.25">
      <c r="A12" s="1074" t="s">
        <v>463</v>
      </c>
      <c r="B12" s="2620"/>
      <c r="C12" s="1072"/>
      <c r="D12" s="2621"/>
      <c r="E12" s="2622"/>
      <c r="F12" s="2622"/>
      <c r="G12" s="2623"/>
      <c r="H12" s="995"/>
      <c r="I12" s="2622"/>
      <c r="J12" s="2622"/>
      <c r="K12" s="2624"/>
      <c r="L12" s="2625"/>
    </row>
    <row r="13" spans="1:12" ht="13" customHeight="1" x14ac:dyDescent="0.25">
      <c r="A13" s="1071" t="s">
        <v>410</v>
      </c>
      <c r="B13" s="2620">
        <v>3859</v>
      </c>
      <c r="C13" s="1072">
        <v>3713</v>
      </c>
      <c r="D13" s="2621">
        <v>3590</v>
      </c>
      <c r="E13" s="2622">
        <v>3690</v>
      </c>
      <c r="F13" s="2622">
        <v>3869</v>
      </c>
      <c r="G13" s="2623">
        <v>3971</v>
      </c>
      <c r="H13" s="995">
        <v>4320</v>
      </c>
      <c r="I13" s="2622">
        <v>4778</v>
      </c>
      <c r="J13" s="2622">
        <v>5596</v>
      </c>
      <c r="K13" s="2624">
        <v>3971</v>
      </c>
      <c r="L13" s="2625">
        <v>5682</v>
      </c>
    </row>
    <row r="14" spans="1:12" ht="13" customHeight="1" x14ac:dyDescent="0.25">
      <c r="A14" s="1071" t="s">
        <v>660</v>
      </c>
      <c r="B14" s="2620">
        <v>88</v>
      </c>
      <c r="C14" s="1072">
        <v>76</v>
      </c>
      <c r="D14" s="2621">
        <v>35</v>
      </c>
      <c r="E14" s="2622">
        <v>23</v>
      </c>
      <c r="F14" s="2622">
        <v>-187</v>
      </c>
      <c r="G14" s="2623">
        <v>-183</v>
      </c>
      <c r="H14" s="995">
        <v>-343</v>
      </c>
      <c r="I14" s="2622">
        <v>-461</v>
      </c>
      <c r="J14" s="2622">
        <v>-696</v>
      </c>
      <c r="K14" s="2624">
        <v>-312</v>
      </c>
      <c r="L14" s="2625">
        <v>-1498</v>
      </c>
    </row>
    <row r="15" spans="1:12" ht="13" customHeight="1" x14ac:dyDescent="0.25">
      <c r="A15" s="1071" t="s">
        <v>467</v>
      </c>
      <c r="B15" s="2620">
        <v>38</v>
      </c>
      <c r="C15" s="1072">
        <v>70</v>
      </c>
      <c r="D15" s="2621">
        <v>88</v>
      </c>
      <c r="E15" s="2622">
        <v>-123</v>
      </c>
      <c r="F15" s="2622">
        <v>8</v>
      </c>
      <c r="G15" s="2623">
        <v>81</v>
      </c>
      <c r="H15" s="995">
        <v>-6</v>
      </c>
      <c r="I15" s="2622">
        <v>3</v>
      </c>
      <c r="J15" s="2622">
        <v>-122</v>
      </c>
      <c r="K15" s="2624">
        <v>54</v>
      </c>
      <c r="L15" s="2625">
        <v>-213</v>
      </c>
    </row>
    <row r="16" spans="1:12" ht="13" customHeight="1" x14ac:dyDescent="0.25">
      <c r="A16" s="1071" t="s">
        <v>406</v>
      </c>
      <c r="B16" s="2620">
        <v>3985</v>
      </c>
      <c r="C16" s="1072">
        <v>3859</v>
      </c>
      <c r="D16" s="2621">
        <v>3713</v>
      </c>
      <c r="E16" s="2622">
        <v>3590</v>
      </c>
      <c r="F16" s="2622">
        <v>3690</v>
      </c>
      <c r="G16" s="2623">
        <v>3869</v>
      </c>
      <c r="H16" s="995">
        <v>3971</v>
      </c>
      <c r="I16" s="2622">
        <v>4320</v>
      </c>
      <c r="J16" s="2622">
        <v>4778</v>
      </c>
      <c r="K16" s="2624">
        <v>3713</v>
      </c>
      <c r="L16" s="2625">
        <v>3971</v>
      </c>
    </row>
    <row r="17" spans="1:12" ht="13" customHeight="1" x14ac:dyDescent="0.25">
      <c r="A17" s="1071"/>
      <c r="B17" s="2620"/>
      <c r="C17" s="1072"/>
      <c r="D17" s="2621"/>
      <c r="E17" s="2622"/>
      <c r="F17" s="2622"/>
      <c r="G17" s="2623"/>
      <c r="H17" s="995"/>
      <c r="I17" s="2622"/>
      <c r="J17" s="2622"/>
      <c r="K17" s="2624"/>
      <c r="L17" s="2625"/>
    </row>
    <row r="18" spans="1:12" ht="13" customHeight="1" x14ac:dyDescent="0.25">
      <c r="A18" s="1075" t="s">
        <v>469</v>
      </c>
      <c r="B18" s="2620">
        <v>5736</v>
      </c>
      <c r="C18" s="1072">
        <v>5513</v>
      </c>
      <c r="D18" s="2621">
        <v>5348</v>
      </c>
      <c r="E18" s="2622">
        <v>5147</v>
      </c>
      <c r="F18" s="2622">
        <v>5294</v>
      </c>
      <c r="G18" s="2623">
        <v>5492</v>
      </c>
      <c r="H18" s="995">
        <v>5626</v>
      </c>
      <c r="I18" s="2622">
        <v>6079</v>
      </c>
      <c r="J18" s="2622">
        <v>6716</v>
      </c>
      <c r="K18" s="2624">
        <v>5348</v>
      </c>
      <c r="L18" s="2625">
        <v>5626</v>
      </c>
    </row>
    <row r="19" spans="1:12" ht="29" x14ac:dyDescent="0.25">
      <c r="A19" s="1494" t="s">
        <v>470</v>
      </c>
      <c r="B19" s="2620">
        <v>129</v>
      </c>
      <c r="C19" s="1072">
        <v>100</v>
      </c>
      <c r="D19" s="2621">
        <v>108</v>
      </c>
      <c r="E19" s="2622">
        <v>109</v>
      </c>
      <c r="F19" s="2622">
        <v>49</v>
      </c>
      <c r="G19" s="2623">
        <v>55</v>
      </c>
      <c r="H19" s="995">
        <v>65</v>
      </c>
      <c r="I19" s="2622">
        <v>87</v>
      </c>
      <c r="J19" s="2622">
        <v>100</v>
      </c>
      <c r="K19" s="2624">
        <v>108</v>
      </c>
      <c r="L19" s="2625">
        <v>65</v>
      </c>
    </row>
    <row r="20" spans="1:12" ht="31" x14ac:dyDescent="0.25">
      <c r="A20" s="1494" t="s">
        <v>661</v>
      </c>
      <c r="B20" s="2620">
        <v>66</v>
      </c>
      <c r="C20" s="1072">
        <v>55</v>
      </c>
      <c r="D20" s="2621">
        <v>43</v>
      </c>
      <c r="E20" s="2622">
        <v>39</v>
      </c>
      <c r="F20" s="2622">
        <v>32</v>
      </c>
      <c r="G20" s="2623">
        <v>36</v>
      </c>
      <c r="H20" s="995">
        <v>40</v>
      </c>
      <c r="I20" s="2622">
        <v>66</v>
      </c>
      <c r="J20" s="2622">
        <v>77</v>
      </c>
      <c r="K20" s="2624">
        <v>43</v>
      </c>
      <c r="L20" s="2625">
        <v>40</v>
      </c>
    </row>
    <row r="21" spans="1:12" ht="13" customHeight="1" x14ac:dyDescent="0.25">
      <c r="A21" s="1076" t="s">
        <v>471</v>
      </c>
      <c r="B21" s="2620">
        <v>5931</v>
      </c>
      <c r="C21" s="1072">
        <v>5668</v>
      </c>
      <c r="D21" s="2621">
        <v>5499</v>
      </c>
      <c r="E21" s="2622">
        <v>5295</v>
      </c>
      <c r="F21" s="2622">
        <v>5375</v>
      </c>
      <c r="G21" s="2623">
        <v>5583</v>
      </c>
      <c r="H21" s="995">
        <v>5731</v>
      </c>
      <c r="I21" s="2622">
        <v>6232</v>
      </c>
      <c r="J21" s="2622">
        <v>6893</v>
      </c>
      <c r="K21" s="2624">
        <v>5499</v>
      </c>
      <c r="L21" s="2625">
        <v>5731</v>
      </c>
    </row>
    <row r="22" spans="1:12" ht="13" customHeight="1" x14ac:dyDescent="0.25">
      <c r="A22" s="1077"/>
      <c r="B22" s="2626"/>
      <c r="C22" s="1078"/>
      <c r="D22" s="1001"/>
      <c r="E22" s="1002"/>
      <c r="F22" s="1002"/>
      <c r="G22" s="1000"/>
      <c r="H22" s="1001"/>
      <c r="I22" s="1002"/>
      <c r="J22" s="1002"/>
      <c r="K22" s="1079"/>
      <c r="L22" s="1080"/>
    </row>
    <row r="23" spans="1:12" ht="14.5" x14ac:dyDescent="0.25">
      <c r="A23" s="1495" t="s">
        <v>472</v>
      </c>
      <c r="B23" s="2627"/>
      <c r="C23" s="1081"/>
      <c r="D23" s="2628"/>
      <c r="E23" s="2629"/>
      <c r="F23" s="2629"/>
      <c r="G23" s="2630"/>
      <c r="H23" s="1006"/>
      <c r="I23" s="2629"/>
      <c r="J23" s="2629"/>
      <c r="K23" s="2631"/>
      <c r="L23" s="2632"/>
    </row>
    <row r="24" spans="1:12" ht="13" customHeight="1" x14ac:dyDescent="0.25">
      <c r="A24" s="1070" t="s">
        <v>189</v>
      </c>
      <c r="B24" s="2633">
        <v>1933</v>
      </c>
      <c r="C24" s="1039">
        <v>1916</v>
      </c>
      <c r="D24" s="920">
        <v>1888</v>
      </c>
      <c r="E24" s="921">
        <v>1880</v>
      </c>
      <c r="F24" s="921">
        <v>1918</v>
      </c>
      <c r="G24" s="922">
        <v>2075</v>
      </c>
      <c r="H24" s="920">
        <v>2255</v>
      </c>
      <c r="I24" s="921">
        <v>2476</v>
      </c>
      <c r="J24" s="921">
        <v>2580</v>
      </c>
      <c r="K24" s="1082">
        <v>1888</v>
      </c>
      <c r="L24" s="919">
        <v>2255</v>
      </c>
    </row>
    <row r="25" spans="1:12" ht="13" customHeight="1" x14ac:dyDescent="0.25">
      <c r="A25" s="1071" t="s">
        <v>447</v>
      </c>
      <c r="B25" s="2620">
        <v>1551</v>
      </c>
      <c r="C25" s="1083">
        <v>1547</v>
      </c>
      <c r="D25" s="2621">
        <v>1528</v>
      </c>
      <c r="E25" s="2622">
        <v>1532</v>
      </c>
      <c r="F25" s="2622">
        <v>1595</v>
      </c>
      <c r="G25" s="2623">
        <v>1723</v>
      </c>
      <c r="H25" s="995">
        <v>1863</v>
      </c>
      <c r="I25" s="2622">
        <v>2009</v>
      </c>
      <c r="J25" s="2622">
        <v>2056</v>
      </c>
      <c r="K25" s="2624">
        <v>1528</v>
      </c>
      <c r="L25" s="2634">
        <v>1863</v>
      </c>
    </row>
    <row r="26" spans="1:12" ht="13" customHeight="1" x14ac:dyDescent="0.25">
      <c r="A26" s="1071" t="s">
        <v>441</v>
      </c>
      <c r="B26" s="2620">
        <v>382</v>
      </c>
      <c r="C26" s="1083">
        <v>369</v>
      </c>
      <c r="D26" s="2621">
        <v>360</v>
      </c>
      <c r="E26" s="2622">
        <v>348</v>
      </c>
      <c r="F26" s="2622">
        <v>323</v>
      </c>
      <c r="G26" s="2623">
        <v>352</v>
      </c>
      <c r="H26" s="995">
        <v>392</v>
      </c>
      <c r="I26" s="2622">
        <v>467</v>
      </c>
      <c r="J26" s="2622">
        <v>524</v>
      </c>
      <c r="K26" s="2624">
        <v>360</v>
      </c>
      <c r="L26" s="2634">
        <v>392</v>
      </c>
    </row>
    <row r="27" spans="1:12" ht="13" customHeight="1" x14ac:dyDescent="0.25">
      <c r="A27" s="1074" t="s">
        <v>51</v>
      </c>
      <c r="B27" s="2620">
        <v>3718</v>
      </c>
      <c r="C27" s="1083">
        <v>3528</v>
      </c>
      <c r="D27" s="2621">
        <v>3392</v>
      </c>
      <c r="E27" s="2622">
        <v>3209</v>
      </c>
      <c r="F27" s="2622">
        <v>3268</v>
      </c>
      <c r="G27" s="2623">
        <v>3271</v>
      </c>
      <c r="H27" s="995">
        <v>3219</v>
      </c>
      <c r="I27" s="2622">
        <v>3446</v>
      </c>
      <c r="J27" s="2622">
        <v>3965</v>
      </c>
      <c r="K27" s="2624">
        <v>3392</v>
      </c>
      <c r="L27" s="2634">
        <v>3219</v>
      </c>
    </row>
    <row r="28" spans="1:12" ht="13" customHeight="1" x14ac:dyDescent="0.25">
      <c r="A28" s="1084" t="s">
        <v>447</v>
      </c>
      <c r="B28" s="2620">
        <v>2817</v>
      </c>
      <c r="C28" s="1083">
        <v>2681</v>
      </c>
      <c r="D28" s="2621">
        <v>2575</v>
      </c>
      <c r="E28" s="2622">
        <v>2459</v>
      </c>
      <c r="F28" s="2622">
        <v>2505</v>
      </c>
      <c r="G28" s="2623">
        <v>2514</v>
      </c>
      <c r="H28" s="995">
        <v>2477</v>
      </c>
      <c r="I28" s="2622">
        <v>2672</v>
      </c>
      <c r="J28" s="2622">
        <v>3123</v>
      </c>
      <c r="K28" s="2624">
        <v>2575</v>
      </c>
      <c r="L28" s="2634">
        <v>2477</v>
      </c>
    </row>
    <row r="29" spans="1:12" ht="13" customHeight="1" x14ac:dyDescent="0.25">
      <c r="A29" s="1085" t="s">
        <v>357</v>
      </c>
      <c r="B29" s="2620">
        <v>508</v>
      </c>
      <c r="C29" s="1086">
        <v>512</v>
      </c>
      <c r="D29" s="2621">
        <v>547</v>
      </c>
      <c r="E29" s="2622">
        <v>511</v>
      </c>
      <c r="F29" s="2622">
        <v>506</v>
      </c>
      <c r="G29" s="2623">
        <v>507</v>
      </c>
      <c r="H29" s="995">
        <v>524</v>
      </c>
      <c r="I29" s="2622">
        <v>557</v>
      </c>
      <c r="J29" s="2622">
        <v>592</v>
      </c>
      <c r="K29" s="2624">
        <v>547</v>
      </c>
      <c r="L29" s="2634">
        <v>524</v>
      </c>
    </row>
    <row r="30" spans="1:12" ht="13" customHeight="1" x14ac:dyDescent="0.25">
      <c r="A30" s="1085" t="s">
        <v>356</v>
      </c>
      <c r="B30" s="2620">
        <v>633</v>
      </c>
      <c r="C30" s="1086">
        <v>595</v>
      </c>
      <c r="D30" s="2621">
        <v>576</v>
      </c>
      <c r="E30" s="2622">
        <v>523</v>
      </c>
      <c r="F30" s="2622">
        <v>507</v>
      </c>
      <c r="G30" s="2623">
        <v>494</v>
      </c>
      <c r="H30" s="995">
        <v>474</v>
      </c>
      <c r="I30" s="2622">
        <v>526</v>
      </c>
      <c r="J30" s="2622">
        <v>569</v>
      </c>
      <c r="K30" s="2624">
        <v>576</v>
      </c>
      <c r="L30" s="2634">
        <v>474</v>
      </c>
    </row>
    <row r="31" spans="1:12" ht="13" customHeight="1" x14ac:dyDescent="0.25">
      <c r="A31" s="1085" t="s">
        <v>268</v>
      </c>
      <c r="B31" s="2620">
        <v>665</v>
      </c>
      <c r="C31" s="1086">
        <v>640</v>
      </c>
      <c r="D31" s="2621">
        <v>631</v>
      </c>
      <c r="E31" s="2622">
        <v>596</v>
      </c>
      <c r="F31" s="2622">
        <v>589</v>
      </c>
      <c r="G31" s="2623">
        <v>574</v>
      </c>
      <c r="H31" s="995">
        <v>538</v>
      </c>
      <c r="I31" s="2622">
        <v>584</v>
      </c>
      <c r="J31" s="2622">
        <v>725</v>
      </c>
      <c r="K31" s="2624">
        <v>631</v>
      </c>
      <c r="L31" s="2634">
        <v>538</v>
      </c>
    </row>
    <row r="32" spans="1:12" ht="13" customHeight="1" x14ac:dyDescent="0.25">
      <c r="A32" s="1085" t="s">
        <v>336</v>
      </c>
      <c r="B32" s="2620">
        <v>630</v>
      </c>
      <c r="C32" s="1086">
        <v>579</v>
      </c>
      <c r="D32" s="2621">
        <v>490</v>
      </c>
      <c r="E32" s="2622">
        <v>474</v>
      </c>
      <c r="F32" s="2622">
        <v>522</v>
      </c>
      <c r="G32" s="2623">
        <v>563</v>
      </c>
      <c r="H32" s="995">
        <v>541</v>
      </c>
      <c r="I32" s="2622">
        <v>571</v>
      </c>
      <c r="J32" s="2622">
        <v>600</v>
      </c>
      <c r="K32" s="2624">
        <v>490</v>
      </c>
      <c r="L32" s="2634">
        <v>541</v>
      </c>
    </row>
    <row r="33" spans="1:12" ht="13" customHeight="1" x14ac:dyDescent="0.25">
      <c r="A33" s="1085" t="s">
        <v>333</v>
      </c>
      <c r="B33" s="2620">
        <v>292</v>
      </c>
      <c r="C33" s="1086">
        <v>264</v>
      </c>
      <c r="D33" s="2621">
        <v>247</v>
      </c>
      <c r="E33" s="2622">
        <v>277</v>
      </c>
      <c r="F33" s="2622">
        <v>298</v>
      </c>
      <c r="G33" s="2623">
        <v>299</v>
      </c>
      <c r="H33" s="995">
        <v>319</v>
      </c>
      <c r="I33" s="2622">
        <v>346</v>
      </c>
      <c r="J33" s="2622">
        <v>547</v>
      </c>
      <c r="K33" s="2624">
        <v>247</v>
      </c>
      <c r="L33" s="2634">
        <v>319</v>
      </c>
    </row>
    <row r="34" spans="1:12" ht="13" customHeight="1" x14ac:dyDescent="0.25">
      <c r="A34" s="1085" t="s">
        <v>662</v>
      </c>
      <c r="B34" s="2620">
        <v>89</v>
      </c>
      <c r="C34" s="1086">
        <v>91</v>
      </c>
      <c r="D34" s="2621">
        <v>84</v>
      </c>
      <c r="E34" s="2622">
        <v>78</v>
      </c>
      <c r="F34" s="2622">
        <v>83</v>
      </c>
      <c r="G34" s="2623">
        <v>77</v>
      </c>
      <c r="H34" s="995">
        <v>81</v>
      </c>
      <c r="I34" s="2622">
        <v>88</v>
      </c>
      <c r="J34" s="2622">
        <v>90</v>
      </c>
      <c r="K34" s="2624">
        <v>84</v>
      </c>
      <c r="L34" s="2634">
        <v>81</v>
      </c>
    </row>
    <row r="35" spans="1:12" ht="13" customHeight="1" x14ac:dyDescent="0.25">
      <c r="A35" s="1084" t="s">
        <v>441</v>
      </c>
      <c r="B35" s="2620">
        <v>901</v>
      </c>
      <c r="C35" s="1083">
        <v>847</v>
      </c>
      <c r="D35" s="2621">
        <v>817</v>
      </c>
      <c r="E35" s="2622">
        <v>750</v>
      </c>
      <c r="F35" s="2622">
        <v>763</v>
      </c>
      <c r="G35" s="2623">
        <v>757</v>
      </c>
      <c r="H35" s="995">
        <v>742</v>
      </c>
      <c r="I35" s="2622">
        <v>774</v>
      </c>
      <c r="J35" s="2622">
        <v>842</v>
      </c>
      <c r="K35" s="2624">
        <v>817</v>
      </c>
      <c r="L35" s="2634">
        <v>742</v>
      </c>
    </row>
    <row r="36" spans="1:12" ht="13" customHeight="1" x14ac:dyDescent="0.25">
      <c r="A36" s="1085" t="s">
        <v>357</v>
      </c>
      <c r="B36" s="2620">
        <v>90</v>
      </c>
      <c r="C36" s="1086">
        <v>84</v>
      </c>
      <c r="D36" s="2621">
        <v>83</v>
      </c>
      <c r="E36" s="2622">
        <v>81</v>
      </c>
      <c r="F36" s="2622">
        <v>74</v>
      </c>
      <c r="G36" s="2623">
        <v>71</v>
      </c>
      <c r="H36" s="995">
        <v>74</v>
      </c>
      <c r="I36" s="2622">
        <v>84</v>
      </c>
      <c r="J36" s="2622">
        <v>90</v>
      </c>
      <c r="K36" s="2624">
        <v>83</v>
      </c>
      <c r="L36" s="2634">
        <v>74</v>
      </c>
    </row>
    <row r="37" spans="1:12" ht="13" customHeight="1" x14ac:dyDescent="0.25">
      <c r="A37" s="1085" t="s">
        <v>356</v>
      </c>
      <c r="B37" s="2620">
        <v>219</v>
      </c>
      <c r="C37" s="1086">
        <v>206</v>
      </c>
      <c r="D37" s="2621">
        <v>221</v>
      </c>
      <c r="E37" s="2622">
        <v>190</v>
      </c>
      <c r="F37" s="2622">
        <v>218</v>
      </c>
      <c r="G37" s="2623">
        <v>209</v>
      </c>
      <c r="H37" s="995">
        <v>208</v>
      </c>
      <c r="I37" s="2622">
        <v>202</v>
      </c>
      <c r="J37" s="2622">
        <v>213</v>
      </c>
      <c r="K37" s="2624">
        <v>221</v>
      </c>
      <c r="L37" s="2634">
        <v>208</v>
      </c>
    </row>
    <row r="38" spans="1:12" ht="13" customHeight="1" x14ac:dyDescent="0.25">
      <c r="A38" s="1085" t="s">
        <v>268</v>
      </c>
      <c r="B38" s="2620">
        <v>246</v>
      </c>
      <c r="C38" s="1086">
        <v>233</v>
      </c>
      <c r="D38" s="2621">
        <v>221</v>
      </c>
      <c r="E38" s="2622">
        <v>210</v>
      </c>
      <c r="F38" s="2622">
        <v>209</v>
      </c>
      <c r="G38" s="2623">
        <v>201</v>
      </c>
      <c r="H38" s="995">
        <v>190</v>
      </c>
      <c r="I38" s="2622">
        <v>194</v>
      </c>
      <c r="J38" s="2622">
        <v>192</v>
      </c>
      <c r="K38" s="2624">
        <v>221</v>
      </c>
      <c r="L38" s="2634">
        <v>190</v>
      </c>
    </row>
    <row r="39" spans="1:12" ht="13" customHeight="1" x14ac:dyDescent="0.25">
      <c r="A39" s="1085" t="s">
        <v>336</v>
      </c>
      <c r="B39" s="2620">
        <v>221</v>
      </c>
      <c r="C39" s="1086">
        <v>205</v>
      </c>
      <c r="D39" s="2621">
        <v>176</v>
      </c>
      <c r="E39" s="2622">
        <v>156</v>
      </c>
      <c r="F39" s="2622">
        <v>149</v>
      </c>
      <c r="G39" s="2623">
        <v>157</v>
      </c>
      <c r="H39" s="995">
        <v>146</v>
      </c>
      <c r="I39" s="2622">
        <v>160</v>
      </c>
      <c r="J39" s="2622">
        <v>205</v>
      </c>
      <c r="K39" s="2624">
        <v>176</v>
      </c>
      <c r="L39" s="2634">
        <v>146</v>
      </c>
    </row>
    <row r="40" spans="1:12" ht="13" customHeight="1" x14ac:dyDescent="0.25">
      <c r="A40" s="1085" t="s">
        <v>333</v>
      </c>
      <c r="B40" s="2620">
        <v>58</v>
      </c>
      <c r="C40" s="1086">
        <v>53</v>
      </c>
      <c r="D40" s="2621">
        <v>53</v>
      </c>
      <c r="E40" s="2622">
        <v>54</v>
      </c>
      <c r="F40" s="2622">
        <v>57</v>
      </c>
      <c r="G40" s="2623">
        <v>52</v>
      </c>
      <c r="H40" s="995">
        <v>58</v>
      </c>
      <c r="I40" s="2622">
        <v>74</v>
      </c>
      <c r="J40" s="2622">
        <v>84</v>
      </c>
      <c r="K40" s="2624">
        <v>53</v>
      </c>
      <c r="L40" s="2634">
        <v>58</v>
      </c>
    </row>
    <row r="41" spans="1:12" ht="13" customHeight="1" x14ac:dyDescent="0.25">
      <c r="A41" s="1085" t="s">
        <v>663</v>
      </c>
      <c r="B41" s="2620">
        <v>67</v>
      </c>
      <c r="C41" s="1086">
        <v>66</v>
      </c>
      <c r="D41" s="2621">
        <v>63</v>
      </c>
      <c r="E41" s="2622">
        <v>59</v>
      </c>
      <c r="F41" s="2622">
        <v>56</v>
      </c>
      <c r="G41" s="2623">
        <v>67</v>
      </c>
      <c r="H41" s="995">
        <v>66</v>
      </c>
      <c r="I41" s="2622">
        <v>60</v>
      </c>
      <c r="J41" s="2622">
        <v>58</v>
      </c>
      <c r="K41" s="2624">
        <v>63</v>
      </c>
      <c r="L41" s="2634">
        <v>66</v>
      </c>
    </row>
    <row r="42" spans="1:12" ht="13" customHeight="1" x14ac:dyDescent="0.25">
      <c r="A42" s="1074" t="s">
        <v>331</v>
      </c>
      <c r="B42" s="2620">
        <v>27</v>
      </c>
      <c r="C42" s="1083">
        <v>25</v>
      </c>
      <c r="D42" s="2621">
        <v>24</v>
      </c>
      <c r="E42" s="2622">
        <v>22.6</v>
      </c>
      <c r="F42" s="2622">
        <v>20</v>
      </c>
      <c r="G42" s="2623">
        <v>20</v>
      </c>
      <c r="H42" s="995">
        <v>23</v>
      </c>
      <c r="I42" s="2622">
        <v>22</v>
      </c>
      <c r="J42" s="2622">
        <v>23</v>
      </c>
      <c r="K42" s="2624">
        <v>24</v>
      </c>
      <c r="L42" s="2634">
        <v>23</v>
      </c>
    </row>
    <row r="43" spans="1:12" ht="13" customHeight="1" x14ac:dyDescent="0.25">
      <c r="A43" s="1074" t="s">
        <v>301</v>
      </c>
      <c r="B43" s="2620">
        <v>247</v>
      </c>
      <c r="C43" s="1083">
        <v>193</v>
      </c>
      <c r="D43" s="2621">
        <v>191</v>
      </c>
      <c r="E43" s="2622">
        <v>178</v>
      </c>
      <c r="F43" s="2622">
        <v>169</v>
      </c>
      <c r="G43" s="2623">
        <v>217</v>
      </c>
      <c r="H43" s="995">
        <v>234</v>
      </c>
      <c r="I43" s="2622">
        <v>288</v>
      </c>
      <c r="J43" s="2622">
        <v>325</v>
      </c>
      <c r="K43" s="2624">
        <v>191</v>
      </c>
      <c r="L43" s="2634">
        <v>234</v>
      </c>
    </row>
    <row r="44" spans="1:12" ht="13" customHeight="1" x14ac:dyDescent="0.25">
      <c r="A44" s="1074" t="s">
        <v>572</v>
      </c>
      <c r="B44" s="2620">
        <v>6</v>
      </c>
      <c r="C44" s="1083">
        <v>6</v>
      </c>
      <c r="D44" s="2621">
        <v>4</v>
      </c>
      <c r="E44" s="2622">
        <v>5</v>
      </c>
      <c r="F44" s="2622">
        <v>0</v>
      </c>
      <c r="G44" s="2623">
        <v>0</v>
      </c>
      <c r="H44" s="995">
        <v>0</v>
      </c>
      <c r="I44" s="2622">
        <v>0</v>
      </c>
      <c r="J44" s="2622">
        <v>0</v>
      </c>
      <c r="K44" s="2624">
        <v>4</v>
      </c>
      <c r="L44" s="2634">
        <v>0</v>
      </c>
    </row>
    <row r="45" spans="1:12" ht="29" x14ac:dyDescent="0.25">
      <c r="A45" s="1496" t="s">
        <v>473</v>
      </c>
      <c r="B45" s="2620">
        <v>5931</v>
      </c>
      <c r="C45" s="1083">
        <v>5668</v>
      </c>
      <c r="D45" s="2621">
        <v>5499</v>
      </c>
      <c r="E45" s="2622">
        <v>5294.6</v>
      </c>
      <c r="F45" s="2622">
        <v>5375</v>
      </c>
      <c r="G45" s="2623">
        <v>5583</v>
      </c>
      <c r="H45" s="995">
        <v>5731</v>
      </c>
      <c r="I45" s="2622">
        <v>6232</v>
      </c>
      <c r="J45" s="2622">
        <v>6893</v>
      </c>
      <c r="K45" s="2624">
        <v>5499</v>
      </c>
      <c r="L45" s="2625">
        <v>5731</v>
      </c>
    </row>
    <row r="46" spans="1:12" ht="13" customHeight="1" x14ac:dyDescent="0.25">
      <c r="A46" s="1042"/>
      <c r="B46" s="2626"/>
      <c r="C46" s="1000"/>
      <c r="D46" s="1001"/>
      <c r="E46" s="1002"/>
      <c r="F46" s="1002"/>
      <c r="G46" s="1000"/>
      <c r="H46" s="1001"/>
      <c r="I46" s="1002"/>
      <c r="J46" s="1002"/>
      <c r="K46" s="1079"/>
      <c r="L46" s="1080"/>
    </row>
    <row r="47" spans="1:12" ht="29" x14ac:dyDescent="0.25">
      <c r="A47" s="1495" t="s">
        <v>474</v>
      </c>
      <c r="B47" s="2627"/>
      <c r="C47" s="1081"/>
      <c r="D47" s="2628"/>
      <c r="E47" s="2629"/>
      <c r="F47" s="2629"/>
      <c r="G47" s="2630"/>
      <c r="H47" s="1006"/>
      <c r="I47" s="2629"/>
      <c r="J47" s="2629"/>
      <c r="K47" s="2631"/>
      <c r="L47" s="2635"/>
    </row>
    <row r="48" spans="1:12" ht="13" customHeight="1" x14ac:dyDescent="0.25">
      <c r="A48" s="1070" t="s">
        <v>475</v>
      </c>
      <c r="B48" s="2633">
        <v>1751</v>
      </c>
      <c r="C48" s="1056">
        <v>1654</v>
      </c>
      <c r="D48" s="920">
        <v>1635</v>
      </c>
      <c r="E48" s="921">
        <v>1557</v>
      </c>
      <c r="F48" s="921">
        <v>1604</v>
      </c>
      <c r="G48" s="922">
        <v>1623</v>
      </c>
      <c r="H48" s="920">
        <v>1655</v>
      </c>
      <c r="I48" s="921">
        <v>1759</v>
      </c>
      <c r="J48" s="921">
        <v>1938</v>
      </c>
      <c r="K48" s="1082">
        <v>1635</v>
      </c>
      <c r="L48" s="1087">
        <v>1655</v>
      </c>
    </row>
    <row r="49" spans="1:12" ht="13" customHeight="1" x14ac:dyDescent="0.25">
      <c r="A49" s="1071" t="s">
        <v>79</v>
      </c>
      <c r="B49" s="2620">
        <v>455</v>
      </c>
      <c r="C49" s="1088">
        <v>428</v>
      </c>
      <c r="D49" s="2621">
        <v>406</v>
      </c>
      <c r="E49" s="2622">
        <v>375</v>
      </c>
      <c r="F49" s="2622">
        <v>393</v>
      </c>
      <c r="G49" s="2623">
        <v>395</v>
      </c>
      <c r="H49" s="995">
        <v>374</v>
      </c>
      <c r="I49" s="2622">
        <v>403</v>
      </c>
      <c r="J49" s="2622">
        <v>410</v>
      </c>
      <c r="K49" s="2624">
        <v>406</v>
      </c>
      <c r="L49" s="2625">
        <v>374</v>
      </c>
    </row>
    <row r="50" spans="1:12" ht="13" customHeight="1" x14ac:dyDescent="0.25">
      <c r="A50" s="1071" t="s">
        <v>233</v>
      </c>
      <c r="B50" s="2620">
        <v>608</v>
      </c>
      <c r="C50" s="1088">
        <v>563</v>
      </c>
      <c r="D50" s="2621">
        <v>551</v>
      </c>
      <c r="E50" s="2622">
        <v>559</v>
      </c>
      <c r="F50" s="2622">
        <v>566</v>
      </c>
      <c r="G50" s="2623">
        <v>574</v>
      </c>
      <c r="H50" s="995">
        <v>626</v>
      </c>
      <c r="I50" s="2622">
        <v>715</v>
      </c>
      <c r="J50" s="2622">
        <v>821</v>
      </c>
      <c r="K50" s="2624">
        <v>551</v>
      </c>
      <c r="L50" s="2625">
        <v>626</v>
      </c>
    </row>
    <row r="51" spans="1:12" ht="13" customHeight="1" x14ac:dyDescent="0.25">
      <c r="A51" s="1071" t="s">
        <v>788</v>
      </c>
      <c r="B51" s="2620">
        <v>0</v>
      </c>
      <c r="C51" s="1088">
        <v>0</v>
      </c>
      <c r="D51" s="2621">
        <v>0</v>
      </c>
      <c r="E51" s="2622">
        <v>0</v>
      </c>
      <c r="F51" s="2622">
        <v>0</v>
      </c>
      <c r="G51" s="2623">
        <v>0</v>
      </c>
      <c r="H51" s="995">
        <v>0</v>
      </c>
      <c r="I51" s="2622">
        <v>0</v>
      </c>
      <c r="J51" s="2622">
        <v>0</v>
      </c>
      <c r="K51" s="2624">
        <v>0</v>
      </c>
      <c r="L51" s="2625">
        <v>0</v>
      </c>
    </row>
    <row r="52" spans="1:12" ht="13" customHeight="1" x14ac:dyDescent="0.25">
      <c r="A52" s="1071" t="s">
        <v>344</v>
      </c>
      <c r="B52" s="2620">
        <v>688</v>
      </c>
      <c r="C52" s="1088">
        <v>663</v>
      </c>
      <c r="D52" s="2621">
        <v>678</v>
      </c>
      <c r="E52" s="2622">
        <v>623</v>
      </c>
      <c r="F52" s="2622">
        <v>645</v>
      </c>
      <c r="G52" s="2623">
        <v>654</v>
      </c>
      <c r="H52" s="995">
        <v>655</v>
      </c>
      <c r="I52" s="2622">
        <v>641</v>
      </c>
      <c r="J52" s="2622">
        <v>707</v>
      </c>
      <c r="K52" s="2624">
        <v>678</v>
      </c>
      <c r="L52" s="2625">
        <v>655</v>
      </c>
    </row>
    <row r="53" spans="1:12" ht="13" customHeight="1" x14ac:dyDescent="0.25">
      <c r="A53" s="1084"/>
      <c r="B53" s="2620"/>
      <c r="C53" s="1089"/>
      <c r="D53" s="2621"/>
      <c r="E53" s="2622"/>
      <c r="F53" s="2622"/>
      <c r="G53" s="2623"/>
      <c r="H53" s="995"/>
      <c r="I53" s="2622"/>
      <c r="J53" s="2622"/>
      <c r="K53" s="2624"/>
      <c r="L53" s="2625"/>
    </row>
    <row r="54" spans="1:12" ht="13" customHeight="1" x14ac:dyDescent="0.25">
      <c r="A54" s="1074" t="s">
        <v>463</v>
      </c>
      <c r="B54" s="2620">
        <v>3985</v>
      </c>
      <c r="C54" s="1089">
        <v>3859</v>
      </c>
      <c r="D54" s="2621">
        <v>3713</v>
      </c>
      <c r="E54" s="2622">
        <v>3590</v>
      </c>
      <c r="F54" s="2622">
        <v>3690</v>
      </c>
      <c r="G54" s="2623">
        <v>3869</v>
      </c>
      <c r="H54" s="995">
        <v>3971</v>
      </c>
      <c r="I54" s="2622">
        <v>4320</v>
      </c>
      <c r="J54" s="2622">
        <v>4778</v>
      </c>
      <c r="K54" s="2624">
        <v>3713</v>
      </c>
      <c r="L54" s="2625">
        <v>3971</v>
      </c>
    </row>
    <row r="55" spans="1:12" ht="13" customHeight="1" x14ac:dyDescent="0.25">
      <c r="A55" s="1071" t="s">
        <v>79</v>
      </c>
      <c r="B55" s="2620">
        <v>526</v>
      </c>
      <c r="C55" s="1088">
        <v>510</v>
      </c>
      <c r="D55" s="2621">
        <v>493</v>
      </c>
      <c r="E55" s="2622">
        <v>468</v>
      </c>
      <c r="F55" s="2622">
        <v>441</v>
      </c>
      <c r="G55" s="2623">
        <v>440</v>
      </c>
      <c r="H55" s="995">
        <v>428</v>
      </c>
      <c r="I55" s="2622">
        <v>435</v>
      </c>
      <c r="J55" s="2622">
        <v>431</v>
      </c>
      <c r="K55" s="2624">
        <v>493</v>
      </c>
      <c r="L55" s="2625">
        <v>428</v>
      </c>
    </row>
    <row r="56" spans="1:12" ht="13" customHeight="1" x14ac:dyDescent="0.25">
      <c r="A56" s="1071" t="s">
        <v>233</v>
      </c>
      <c r="B56" s="2620">
        <v>1659</v>
      </c>
      <c r="C56" s="1088">
        <v>1641</v>
      </c>
      <c r="D56" s="2621">
        <v>1586</v>
      </c>
      <c r="E56" s="2622">
        <v>1554</v>
      </c>
      <c r="F56" s="2622">
        <v>1605</v>
      </c>
      <c r="G56" s="2623">
        <v>1675</v>
      </c>
      <c r="H56" s="995">
        <v>1715</v>
      </c>
      <c r="I56" s="2622">
        <v>1835</v>
      </c>
      <c r="J56" s="2622">
        <v>1985</v>
      </c>
      <c r="K56" s="2624">
        <v>1586</v>
      </c>
      <c r="L56" s="2625">
        <v>1715</v>
      </c>
    </row>
    <row r="57" spans="1:12" ht="13" customHeight="1" x14ac:dyDescent="0.25">
      <c r="A57" s="1071" t="s">
        <v>788</v>
      </c>
      <c r="B57" s="2620">
        <v>1135</v>
      </c>
      <c r="C57" s="1088">
        <v>1100</v>
      </c>
      <c r="D57" s="2621">
        <v>1083</v>
      </c>
      <c r="E57" s="2622">
        <v>1049</v>
      </c>
      <c r="F57" s="2622">
        <v>1107</v>
      </c>
      <c r="G57" s="2623">
        <v>1165</v>
      </c>
      <c r="H57" s="995">
        <v>1211</v>
      </c>
      <c r="I57" s="2622">
        <v>1306</v>
      </c>
      <c r="J57" s="2622">
        <v>1545</v>
      </c>
      <c r="K57" s="2624">
        <v>1083</v>
      </c>
      <c r="L57" s="2625">
        <v>1211</v>
      </c>
    </row>
    <row r="58" spans="1:12" ht="13" customHeight="1" x14ac:dyDescent="0.25">
      <c r="A58" s="1071" t="s">
        <v>344</v>
      </c>
      <c r="B58" s="2620">
        <v>665</v>
      </c>
      <c r="C58" s="1089">
        <v>608</v>
      </c>
      <c r="D58" s="2621">
        <v>551</v>
      </c>
      <c r="E58" s="2622">
        <v>519</v>
      </c>
      <c r="F58" s="2622">
        <v>537</v>
      </c>
      <c r="G58" s="2623">
        <v>589</v>
      </c>
      <c r="H58" s="995">
        <v>617</v>
      </c>
      <c r="I58" s="2622">
        <v>744</v>
      </c>
      <c r="J58" s="2622">
        <v>817</v>
      </c>
      <c r="K58" s="2624">
        <v>551</v>
      </c>
      <c r="L58" s="2625">
        <v>617</v>
      </c>
    </row>
    <row r="59" spans="1:12" ht="13" customHeight="1" x14ac:dyDescent="0.25">
      <c r="A59" s="1084"/>
      <c r="B59" s="2620"/>
      <c r="C59" s="1089"/>
      <c r="D59" s="2621"/>
      <c r="E59" s="2622"/>
      <c r="F59" s="2622"/>
      <c r="G59" s="2623"/>
      <c r="H59" s="995"/>
      <c r="I59" s="2622"/>
      <c r="J59" s="2622"/>
      <c r="K59" s="2624"/>
      <c r="L59" s="2625"/>
    </row>
    <row r="60" spans="1:12" ht="13" customHeight="1" x14ac:dyDescent="0.25">
      <c r="A60" s="1090" t="s">
        <v>469</v>
      </c>
      <c r="B60" s="2636">
        <v>5736</v>
      </c>
      <c r="C60" s="1091">
        <v>5513</v>
      </c>
      <c r="D60" s="2637">
        <v>5348</v>
      </c>
      <c r="E60" s="2638">
        <v>5147</v>
      </c>
      <c r="F60" s="2638">
        <v>5294</v>
      </c>
      <c r="G60" s="2639">
        <v>5492</v>
      </c>
      <c r="H60" s="1049">
        <v>5626</v>
      </c>
      <c r="I60" s="2638">
        <v>6079</v>
      </c>
      <c r="J60" s="2638">
        <v>6716</v>
      </c>
      <c r="K60" s="2640">
        <v>5348</v>
      </c>
      <c r="L60" s="2641">
        <v>5626</v>
      </c>
    </row>
    <row r="61" spans="1:12" ht="12" customHeight="1" x14ac:dyDescent="0.25">
      <c r="A61" s="1092"/>
      <c r="B61" s="1093"/>
      <c r="C61" s="1093"/>
      <c r="D61" s="1093"/>
      <c r="E61" s="1093"/>
      <c r="F61" s="1093"/>
      <c r="G61" s="1093"/>
      <c r="H61" s="1093"/>
      <c r="I61" s="1093"/>
      <c r="J61" s="1093"/>
      <c r="K61" s="1093"/>
      <c r="L61" s="1093"/>
    </row>
    <row r="62" spans="1:12" ht="12" customHeight="1" x14ac:dyDescent="0.25">
      <c r="A62" s="3204" t="s">
        <v>476</v>
      </c>
      <c r="B62" s="3124" t="s">
        <v>38</v>
      </c>
      <c r="C62" s="3124" t="s">
        <v>38</v>
      </c>
      <c r="D62" s="3124" t="s">
        <v>38</v>
      </c>
      <c r="E62" s="3124" t="s">
        <v>38</v>
      </c>
      <c r="F62" s="3124" t="s">
        <v>38</v>
      </c>
      <c r="G62" s="3124" t="s">
        <v>38</v>
      </c>
      <c r="H62" s="3124" t="s">
        <v>38</v>
      </c>
      <c r="I62" s="3124" t="s">
        <v>38</v>
      </c>
      <c r="J62" s="3124" t="s">
        <v>38</v>
      </c>
      <c r="K62" s="3124" t="s">
        <v>38</v>
      </c>
      <c r="L62" s="3124" t="s">
        <v>38</v>
      </c>
    </row>
    <row r="63" spans="1:12" ht="12" customHeight="1" x14ac:dyDescent="0.25">
      <c r="A63" s="3204" t="s">
        <v>477</v>
      </c>
      <c r="B63" s="3124" t="s">
        <v>38</v>
      </c>
      <c r="C63" s="3124" t="s">
        <v>38</v>
      </c>
      <c r="D63" s="3124" t="s">
        <v>38</v>
      </c>
      <c r="E63" s="3124" t="s">
        <v>38</v>
      </c>
      <c r="F63" s="3124" t="s">
        <v>38</v>
      </c>
      <c r="G63" s="3124" t="s">
        <v>38</v>
      </c>
      <c r="H63" s="3124" t="s">
        <v>38</v>
      </c>
      <c r="I63" s="3124" t="s">
        <v>38</v>
      </c>
      <c r="J63" s="3124" t="s">
        <v>38</v>
      </c>
      <c r="K63" s="3124" t="s">
        <v>38</v>
      </c>
      <c r="L63" s="3124" t="s">
        <v>38</v>
      </c>
    </row>
    <row r="64" spans="1:12" ht="12" customHeight="1" x14ac:dyDescent="0.25">
      <c r="A64" s="3204" t="s">
        <v>478</v>
      </c>
      <c r="B64" s="3124" t="s">
        <v>38</v>
      </c>
      <c r="C64" s="3124" t="s">
        <v>38</v>
      </c>
      <c r="D64" s="3124" t="s">
        <v>38</v>
      </c>
      <c r="E64" s="3124" t="s">
        <v>38</v>
      </c>
      <c r="F64" s="3124" t="s">
        <v>38</v>
      </c>
      <c r="G64" s="3124" t="s">
        <v>38</v>
      </c>
      <c r="H64" s="3124" t="s">
        <v>38</v>
      </c>
      <c r="I64" s="3124" t="s">
        <v>38</v>
      </c>
      <c r="J64" s="3124" t="s">
        <v>38</v>
      </c>
      <c r="K64" s="3124" t="s">
        <v>38</v>
      </c>
      <c r="L64" s="3124" t="s">
        <v>38</v>
      </c>
    </row>
    <row r="65" spans="1:12" ht="12" customHeight="1" x14ac:dyDescent="0.25">
      <c r="A65" s="3204" t="s">
        <v>479</v>
      </c>
      <c r="B65" s="3124" t="s">
        <v>38</v>
      </c>
      <c r="C65" s="3124" t="s">
        <v>38</v>
      </c>
      <c r="D65" s="3124" t="s">
        <v>38</v>
      </c>
      <c r="E65" s="3124" t="s">
        <v>38</v>
      </c>
      <c r="F65" s="3124" t="s">
        <v>38</v>
      </c>
      <c r="G65" s="3124" t="s">
        <v>38</v>
      </c>
      <c r="H65" s="3124" t="s">
        <v>38</v>
      </c>
      <c r="I65" s="3124" t="s">
        <v>38</v>
      </c>
      <c r="J65" s="3124" t="s">
        <v>38</v>
      </c>
      <c r="K65" s="3124" t="s">
        <v>38</v>
      </c>
      <c r="L65" s="3124" t="s">
        <v>38</v>
      </c>
    </row>
    <row r="66" spans="1:12" ht="10.4" customHeight="1" x14ac:dyDescent="0.25">
      <c r="A66" s="3291"/>
      <c r="B66" s="3278" t="s">
        <v>38</v>
      </c>
      <c r="C66" s="3278" t="s">
        <v>38</v>
      </c>
      <c r="D66" s="3278" t="s">
        <v>38</v>
      </c>
      <c r="E66" s="3278" t="s">
        <v>38</v>
      </c>
      <c r="F66" s="3278" t="s">
        <v>38</v>
      </c>
      <c r="G66" s="3278" t="s">
        <v>38</v>
      </c>
      <c r="H66" s="3278" t="s">
        <v>38</v>
      </c>
      <c r="I66" s="3278" t="s">
        <v>38</v>
      </c>
      <c r="J66" s="3278" t="s">
        <v>38</v>
      </c>
      <c r="K66" s="3278" t="s">
        <v>38</v>
      </c>
      <c r="L66" s="3278" t="s">
        <v>38</v>
      </c>
    </row>
    <row r="67" spans="1:12" ht="10.4" customHeight="1" x14ac:dyDescent="0.25">
      <c r="A67" s="3291"/>
      <c r="B67" s="3278" t="s">
        <v>38</v>
      </c>
      <c r="C67" s="3278" t="s">
        <v>38</v>
      </c>
      <c r="D67" s="3278" t="s">
        <v>38</v>
      </c>
      <c r="E67" s="3278" t="s">
        <v>38</v>
      </c>
      <c r="F67" s="3278" t="s">
        <v>38</v>
      </c>
      <c r="G67" s="3278" t="s">
        <v>38</v>
      </c>
      <c r="H67" s="3278" t="s">
        <v>38</v>
      </c>
      <c r="I67" s="3278" t="s">
        <v>38</v>
      </c>
      <c r="J67" s="3278" t="s">
        <v>38</v>
      </c>
      <c r="K67" s="3278" t="s">
        <v>38</v>
      </c>
      <c r="L67" s="3278" t="s">
        <v>38</v>
      </c>
    </row>
    <row r="68" spans="1:12" ht="10.4" customHeight="1" x14ac:dyDescent="0.25">
      <c r="A68" s="1027"/>
      <c r="B68" s="1026"/>
      <c r="C68" s="1026"/>
      <c r="D68" s="3278"/>
      <c r="E68" s="3278" t="s">
        <v>38</v>
      </c>
      <c r="F68" s="3278" t="s">
        <v>38</v>
      </c>
      <c r="G68" s="3278" t="s">
        <v>38</v>
      </c>
      <c r="H68" s="3278" t="s">
        <v>38</v>
      </c>
      <c r="I68" s="3278" t="s">
        <v>38</v>
      </c>
      <c r="J68" s="3278" t="s">
        <v>38</v>
      </c>
      <c r="K68" s="3278" t="s">
        <v>38</v>
      </c>
      <c r="L68" s="3278" t="s">
        <v>38</v>
      </c>
    </row>
    <row r="69" spans="1:12" ht="10.4" customHeight="1" x14ac:dyDescent="0.25">
      <c r="A69" s="3278"/>
      <c r="B69" s="3278" t="s">
        <v>38</v>
      </c>
      <c r="C69" s="3278" t="s">
        <v>38</v>
      </c>
      <c r="D69" s="3278" t="s">
        <v>38</v>
      </c>
      <c r="E69" s="3278" t="s">
        <v>38</v>
      </c>
      <c r="F69" s="3278" t="s">
        <v>38</v>
      </c>
      <c r="G69" s="3278" t="s">
        <v>38</v>
      </c>
      <c r="H69" s="3278" t="s">
        <v>38</v>
      </c>
      <c r="I69" s="3278" t="s">
        <v>38</v>
      </c>
      <c r="J69" s="3278" t="s">
        <v>38</v>
      </c>
      <c r="K69" s="3278" t="s">
        <v>38</v>
      </c>
      <c r="L69" s="3278" t="s">
        <v>38</v>
      </c>
    </row>
    <row r="70" spans="1:12" ht="10.4" customHeight="1" x14ac:dyDescent="0.25">
      <c r="A70" s="3278"/>
      <c r="B70" s="3278" t="s">
        <v>38</v>
      </c>
      <c r="C70" s="3278" t="s">
        <v>38</v>
      </c>
      <c r="D70" s="3278" t="s">
        <v>38</v>
      </c>
      <c r="E70" s="3278" t="s">
        <v>38</v>
      </c>
      <c r="F70" s="3278" t="s">
        <v>38</v>
      </c>
      <c r="G70" s="3278" t="s">
        <v>38</v>
      </c>
      <c r="H70" s="3278" t="s">
        <v>38</v>
      </c>
      <c r="I70" s="3278" t="s">
        <v>38</v>
      </c>
      <c r="J70" s="3278" t="s">
        <v>38</v>
      </c>
      <c r="K70" s="3278" t="s">
        <v>38</v>
      </c>
      <c r="L70" s="3278" t="s">
        <v>38</v>
      </c>
    </row>
  </sheetData>
  <mergeCells count="14">
    <mergeCell ref="A62:L62"/>
    <mergeCell ref="A2:L2"/>
    <mergeCell ref="B3:C3"/>
    <mergeCell ref="D3:G3"/>
    <mergeCell ref="H3:J3"/>
    <mergeCell ref="K3:L3"/>
    <mergeCell ref="A69:L69"/>
    <mergeCell ref="A70:L70"/>
    <mergeCell ref="A63:L63"/>
    <mergeCell ref="A64:L64"/>
    <mergeCell ref="A65:L65"/>
    <mergeCell ref="A66:L66"/>
    <mergeCell ref="A67:L67"/>
    <mergeCell ref="D68:L68"/>
  </mergeCells>
  <hyperlinks>
    <hyperlink ref="A1" location="TDM!A1" display="Retour à la table des matières" xr:uid="{00000000-0004-0000-1A00-000000000000}"/>
  </hyperlinks>
  <printOptions horizontalCentered="1"/>
  <pageMargins left="0.51181102362204722" right="0.51181102362204722" top="0.51181102362204722" bottom="0.51181102362204722" header="0.23622047244094491" footer="0.23622047244094491"/>
  <pageSetup scale="55" orientation="landscape" r:id="rId1"/>
  <headerFooter>
    <oddFooter>&amp;L&amp;G&amp;C&amp;"Scotia,Regular"&amp;9Informations financières supplémentaires (IFS)&amp;R&amp;"Scotia,Regular"&amp;9&amp;A</oddFooter>
  </headerFooter>
  <legacyDrawingHF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7F52BF-4343-41A9-8964-29E02BE71AF2}">
  <sheetPr>
    <pageSetUpPr fitToPage="1"/>
  </sheetPr>
  <dimension ref="A1:P37"/>
  <sheetViews>
    <sheetView showGridLines="0" zoomScaleNormal="100" workbookViewId="0"/>
  </sheetViews>
  <sheetFormatPr defaultColWidth="8.7265625" defaultRowHeight="12.5" x14ac:dyDescent="0.25"/>
  <cols>
    <col min="1" max="1" width="42.81640625" style="25" customWidth="1"/>
    <col min="2" max="2" width="14.54296875" style="25" customWidth="1"/>
    <col min="3" max="3" width="12.1796875" style="25" customWidth="1"/>
    <col min="4" max="4" width="11.7265625" style="25" customWidth="1"/>
    <col min="5" max="5" width="13.26953125" style="25" customWidth="1"/>
    <col min="6" max="7" width="11.7265625" style="25" customWidth="1"/>
    <col min="8" max="8" width="13.26953125" style="25" customWidth="1"/>
    <col min="9" max="10" width="11.7265625" style="25" customWidth="1"/>
    <col min="11" max="11" width="13.1796875" style="25" customWidth="1"/>
    <col min="12" max="13" width="11.7265625" style="25" customWidth="1"/>
    <col min="14" max="14" width="13" style="25" customWidth="1"/>
    <col min="15" max="15" width="11.7265625" style="25" customWidth="1"/>
    <col min="16" max="16" width="11.1796875" style="25" customWidth="1"/>
    <col min="17" max="16384" width="8.7265625" style="25"/>
  </cols>
  <sheetData>
    <row r="1" spans="1:16" ht="20.149999999999999" customHeight="1" x14ac:dyDescent="0.25">
      <c r="A1" s="24" t="s">
        <v>37</v>
      </c>
    </row>
    <row r="2" spans="1:16" ht="25" customHeight="1" x14ac:dyDescent="0.25">
      <c r="A2" s="3298" t="s">
        <v>480</v>
      </c>
      <c r="B2" s="3298" t="s">
        <v>38</v>
      </c>
      <c r="C2" s="3298" t="s">
        <v>38</v>
      </c>
      <c r="D2" s="3298" t="s">
        <v>38</v>
      </c>
      <c r="E2" s="3298" t="s">
        <v>38</v>
      </c>
      <c r="F2" s="3298" t="s">
        <v>38</v>
      </c>
      <c r="G2" s="3298" t="s">
        <v>38</v>
      </c>
      <c r="H2" s="3298" t="s">
        <v>38</v>
      </c>
      <c r="I2" s="3298" t="s">
        <v>38</v>
      </c>
      <c r="J2" s="3298" t="s">
        <v>38</v>
      </c>
      <c r="K2" s="3298" t="s">
        <v>38</v>
      </c>
      <c r="L2" s="3298" t="s">
        <v>38</v>
      </c>
      <c r="M2" s="3298" t="s">
        <v>38</v>
      </c>
      <c r="N2" s="3298" t="s">
        <v>38</v>
      </c>
      <c r="O2" s="3298" t="s">
        <v>38</v>
      </c>
      <c r="P2" s="3298" t="s">
        <v>38</v>
      </c>
    </row>
    <row r="3" spans="1:16" ht="20.149999999999999" customHeight="1" x14ac:dyDescent="0.25">
      <c r="A3" s="1094"/>
      <c r="B3" s="3299" t="s">
        <v>44</v>
      </c>
      <c r="C3" s="3300" t="s">
        <v>38</v>
      </c>
      <c r="D3" s="3301" t="s">
        <v>38</v>
      </c>
      <c r="E3" s="3302" t="s">
        <v>61</v>
      </c>
      <c r="F3" s="3303" t="s">
        <v>38</v>
      </c>
      <c r="G3" s="3304" t="s">
        <v>38</v>
      </c>
      <c r="H3" s="3302" t="s">
        <v>409</v>
      </c>
      <c r="I3" s="3303" t="s">
        <v>38</v>
      </c>
      <c r="J3" s="3304" t="s">
        <v>38</v>
      </c>
      <c r="K3" s="3302" t="s">
        <v>416</v>
      </c>
      <c r="L3" s="3303" t="s">
        <v>38</v>
      </c>
      <c r="M3" s="3304" t="s">
        <v>38</v>
      </c>
      <c r="N3" s="3302" t="s">
        <v>60</v>
      </c>
      <c r="O3" s="3303" t="s">
        <v>38</v>
      </c>
      <c r="P3" s="3303" t="s">
        <v>38</v>
      </c>
    </row>
    <row r="4" spans="1:16" ht="65" x14ac:dyDescent="0.3">
      <c r="A4" s="1095"/>
      <c r="B4" s="1096"/>
      <c r="C4" s="1097" t="s">
        <v>347</v>
      </c>
      <c r="D4" s="1098"/>
      <c r="E4" s="1099"/>
      <c r="F4" s="1100" t="s">
        <v>347</v>
      </c>
      <c r="G4" s="1101"/>
      <c r="H4" s="1102"/>
      <c r="I4" s="1103" t="s">
        <v>347</v>
      </c>
      <c r="J4" s="1104"/>
      <c r="K4" s="1102"/>
      <c r="L4" s="1103" t="s">
        <v>347</v>
      </c>
      <c r="M4" s="1104"/>
      <c r="N4" s="1099"/>
      <c r="O4" s="1100" t="s">
        <v>347</v>
      </c>
      <c r="P4" s="1105"/>
    </row>
    <row r="5" spans="1:16" ht="20.149999999999999" customHeight="1" x14ac:dyDescent="0.25">
      <c r="A5" s="1106" t="s">
        <v>46</v>
      </c>
      <c r="B5" s="941" t="s">
        <v>481</v>
      </c>
      <c r="C5" s="1107" t="s">
        <v>482</v>
      </c>
      <c r="D5" s="1108" t="s">
        <v>703</v>
      </c>
      <c r="E5" s="942" t="s">
        <v>481</v>
      </c>
      <c r="F5" s="1109" t="s">
        <v>482</v>
      </c>
      <c r="G5" s="943" t="s">
        <v>703</v>
      </c>
      <c r="H5" s="1110" t="s">
        <v>481</v>
      </c>
      <c r="I5" s="1111" t="s">
        <v>482</v>
      </c>
      <c r="J5" s="943" t="s">
        <v>703</v>
      </c>
      <c r="K5" s="1110" t="s">
        <v>481</v>
      </c>
      <c r="L5" s="1111" t="s">
        <v>482</v>
      </c>
      <c r="M5" s="943" t="s">
        <v>703</v>
      </c>
      <c r="N5" s="942" t="s">
        <v>481</v>
      </c>
      <c r="O5" s="1109" t="s">
        <v>482</v>
      </c>
      <c r="P5" s="943" t="s">
        <v>703</v>
      </c>
    </row>
    <row r="6" spans="1:16" ht="20.149999999999999" customHeight="1" x14ac:dyDescent="0.25">
      <c r="A6" s="1007" t="s">
        <v>79</v>
      </c>
      <c r="B6" s="2642">
        <v>1659</v>
      </c>
      <c r="C6" s="2643">
        <v>455</v>
      </c>
      <c r="D6" s="2644">
        <v>1204</v>
      </c>
      <c r="E6" s="2645">
        <v>1539</v>
      </c>
      <c r="F6" s="2646">
        <v>428</v>
      </c>
      <c r="G6" s="2647">
        <v>1111</v>
      </c>
      <c r="H6" s="2645">
        <v>1386</v>
      </c>
      <c r="I6" s="2646">
        <v>406</v>
      </c>
      <c r="J6" s="2647">
        <v>980</v>
      </c>
      <c r="K6" s="1112">
        <v>1281</v>
      </c>
      <c r="L6" s="1113">
        <v>375</v>
      </c>
      <c r="M6" s="1114">
        <v>906</v>
      </c>
      <c r="N6" s="2648">
        <v>1273</v>
      </c>
      <c r="O6" s="2649">
        <v>393</v>
      </c>
      <c r="P6" s="2650">
        <v>880</v>
      </c>
    </row>
    <row r="7" spans="1:16" ht="20.149999999999999" customHeight="1" x14ac:dyDescent="0.25">
      <c r="A7" s="1115" t="s">
        <v>233</v>
      </c>
      <c r="B7" s="2651">
        <v>1040</v>
      </c>
      <c r="C7" s="2652">
        <v>608</v>
      </c>
      <c r="D7" s="2653">
        <v>432</v>
      </c>
      <c r="E7" s="2654">
        <v>968</v>
      </c>
      <c r="F7" s="2655">
        <v>563</v>
      </c>
      <c r="G7" s="2656">
        <v>405</v>
      </c>
      <c r="H7" s="2654">
        <v>848</v>
      </c>
      <c r="I7" s="2655">
        <v>551</v>
      </c>
      <c r="J7" s="2656">
        <v>297</v>
      </c>
      <c r="K7" s="1116">
        <v>778</v>
      </c>
      <c r="L7" s="2657">
        <v>559</v>
      </c>
      <c r="M7" s="1117">
        <v>219</v>
      </c>
      <c r="N7" s="2658">
        <v>767</v>
      </c>
      <c r="O7" s="2659">
        <v>566</v>
      </c>
      <c r="P7" s="2660">
        <v>201</v>
      </c>
    </row>
    <row r="8" spans="1:16" ht="20.149999999999999" customHeight="1" x14ac:dyDescent="0.25">
      <c r="A8" s="1115" t="s">
        <v>832</v>
      </c>
      <c r="B8" s="2651">
        <v>0</v>
      </c>
      <c r="C8" s="2652">
        <v>0</v>
      </c>
      <c r="D8" s="2653">
        <v>0</v>
      </c>
      <c r="E8" s="2654" t="s">
        <v>485</v>
      </c>
      <c r="F8" s="2655" t="s">
        <v>485</v>
      </c>
      <c r="G8" s="2656" t="s">
        <v>485</v>
      </c>
      <c r="H8" s="2654">
        <v>0</v>
      </c>
      <c r="I8" s="2655">
        <v>0</v>
      </c>
      <c r="J8" s="2656">
        <v>0</v>
      </c>
      <c r="K8" s="1116">
        <v>0</v>
      </c>
      <c r="L8" s="2657">
        <v>0</v>
      </c>
      <c r="M8" s="1117">
        <v>0</v>
      </c>
      <c r="N8" s="2658">
        <v>0</v>
      </c>
      <c r="O8" s="2659">
        <v>0</v>
      </c>
      <c r="P8" s="2660">
        <v>0</v>
      </c>
    </row>
    <row r="9" spans="1:16" ht="20.149999999999999" customHeight="1" x14ac:dyDescent="0.25">
      <c r="A9" s="1118" t="s">
        <v>822</v>
      </c>
      <c r="B9" s="2651">
        <v>2699</v>
      </c>
      <c r="C9" s="2652">
        <v>1063</v>
      </c>
      <c r="D9" s="2653">
        <v>1636</v>
      </c>
      <c r="E9" s="2654">
        <v>2507</v>
      </c>
      <c r="F9" s="2655">
        <v>991</v>
      </c>
      <c r="G9" s="2656">
        <v>1516</v>
      </c>
      <c r="H9" s="2654">
        <v>2234</v>
      </c>
      <c r="I9" s="2655">
        <v>957</v>
      </c>
      <c r="J9" s="2656">
        <v>1277</v>
      </c>
      <c r="K9" s="1116">
        <v>2059</v>
      </c>
      <c r="L9" s="2657">
        <v>934</v>
      </c>
      <c r="M9" s="1117">
        <v>1125</v>
      </c>
      <c r="N9" s="2658">
        <v>2040</v>
      </c>
      <c r="O9" s="2659">
        <v>959</v>
      </c>
      <c r="P9" s="2660">
        <v>1081</v>
      </c>
    </row>
    <row r="10" spans="1:16" ht="20.149999999999999" customHeight="1" x14ac:dyDescent="0.25">
      <c r="A10" s="1118"/>
      <c r="B10" s="2661"/>
      <c r="C10" s="2662"/>
      <c r="D10" s="2663"/>
      <c r="E10" s="2664"/>
      <c r="F10" s="2665"/>
      <c r="G10" s="2666"/>
      <c r="H10" s="2664"/>
      <c r="I10" s="2665"/>
      <c r="J10" s="2666"/>
      <c r="K10" s="1119"/>
      <c r="L10" s="2667"/>
      <c r="M10" s="1120"/>
      <c r="N10" s="2668"/>
      <c r="O10" s="2669"/>
      <c r="P10" s="2670"/>
    </row>
    <row r="11" spans="1:16" ht="20.149999999999999" customHeight="1" x14ac:dyDescent="0.25">
      <c r="A11" s="1115" t="s">
        <v>440</v>
      </c>
      <c r="B11" s="2661"/>
      <c r="C11" s="2662"/>
      <c r="D11" s="2663"/>
      <c r="E11" s="2664"/>
      <c r="F11" s="2665"/>
      <c r="G11" s="2666"/>
      <c r="H11" s="2664"/>
      <c r="I11" s="2665"/>
      <c r="J11" s="2666"/>
      <c r="K11" s="1119"/>
      <c r="L11" s="2667"/>
      <c r="M11" s="1120"/>
      <c r="N11" s="2668"/>
      <c r="O11" s="2669"/>
      <c r="P11" s="2670"/>
    </row>
    <row r="12" spans="1:16" ht="20.149999999999999" customHeight="1" x14ac:dyDescent="0.25">
      <c r="A12" s="1121" t="s">
        <v>439</v>
      </c>
      <c r="B12" s="2651">
        <v>120</v>
      </c>
      <c r="C12" s="2652">
        <v>20</v>
      </c>
      <c r="D12" s="2653">
        <v>100</v>
      </c>
      <c r="E12" s="2654">
        <v>126</v>
      </c>
      <c r="F12" s="2655">
        <v>17</v>
      </c>
      <c r="G12" s="2656">
        <v>109</v>
      </c>
      <c r="H12" s="2654">
        <v>142</v>
      </c>
      <c r="I12" s="2655">
        <v>22</v>
      </c>
      <c r="J12" s="2656">
        <v>120</v>
      </c>
      <c r="K12" s="1116">
        <v>49</v>
      </c>
      <c r="L12" s="2657">
        <v>11</v>
      </c>
      <c r="M12" s="1117">
        <v>38</v>
      </c>
      <c r="N12" s="2658">
        <v>51</v>
      </c>
      <c r="O12" s="2659">
        <v>7</v>
      </c>
      <c r="P12" s="2660">
        <v>44</v>
      </c>
    </row>
    <row r="13" spans="1:16" ht="20.149999999999999" customHeight="1" x14ac:dyDescent="0.25">
      <c r="A13" s="1121" t="s">
        <v>484</v>
      </c>
      <c r="B13" s="2651">
        <v>1</v>
      </c>
      <c r="C13" s="2652">
        <v>0</v>
      </c>
      <c r="D13" s="2653">
        <v>1</v>
      </c>
      <c r="E13" s="2654">
        <v>1</v>
      </c>
      <c r="F13" s="2655" t="s">
        <v>485</v>
      </c>
      <c r="G13" s="2656">
        <v>1</v>
      </c>
      <c r="H13" s="2654">
        <v>1</v>
      </c>
      <c r="I13" s="2655">
        <v>0</v>
      </c>
      <c r="J13" s="2656">
        <v>1</v>
      </c>
      <c r="K13" s="1116">
        <v>1</v>
      </c>
      <c r="L13" s="2657">
        <v>0</v>
      </c>
      <c r="M13" s="1117">
        <v>1</v>
      </c>
      <c r="N13" s="2658">
        <v>1</v>
      </c>
      <c r="O13" s="2659">
        <v>0</v>
      </c>
      <c r="P13" s="2660">
        <v>1</v>
      </c>
    </row>
    <row r="14" spans="1:16" ht="20.149999999999999" customHeight="1" x14ac:dyDescent="0.25">
      <c r="A14" s="1115" t="s">
        <v>425</v>
      </c>
      <c r="B14" s="2651">
        <v>458</v>
      </c>
      <c r="C14" s="2652">
        <v>217</v>
      </c>
      <c r="D14" s="2653">
        <v>241</v>
      </c>
      <c r="E14" s="2654">
        <v>487</v>
      </c>
      <c r="F14" s="2655">
        <v>215</v>
      </c>
      <c r="G14" s="2656">
        <v>272</v>
      </c>
      <c r="H14" s="2654">
        <v>484</v>
      </c>
      <c r="I14" s="2655">
        <v>215</v>
      </c>
      <c r="J14" s="2656">
        <v>269</v>
      </c>
      <c r="K14" s="1116">
        <v>382</v>
      </c>
      <c r="L14" s="2657">
        <v>192</v>
      </c>
      <c r="M14" s="1117">
        <v>190</v>
      </c>
      <c r="N14" s="2658">
        <v>452</v>
      </c>
      <c r="O14" s="2659">
        <v>208</v>
      </c>
      <c r="P14" s="2660">
        <v>244</v>
      </c>
    </row>
    <row r="15" spans="1:16" ht="20.149999999999999" customHeight="1" x14ac:dyDescent="0.25">
      <c r="A15" s="1115" t="s">
        <v>420</v>
      </c>
      <c r="B15" s="2651">
        <v>626</v>
      </c>
      <c r="C15" s="2652">
        <v>113</v>
      </c>
      <c r="D15" s="2653">
        <v>513</v>
      </c>
      <c r="E15" s="2654">
        <v>581</v>
      </c>
      <c r="F15" s="2655">
        <v>107</v>
      </c>
      <c r="G15" s="2656">
        <v>474</v>
      </c>
      <c r="H15" s="2654">
        <v>491</v>
      </c>
      <c r="I15" s="2655">
        <v>98</v>
      </c>
      <c r="J15" s="2656">
        <v>393</v>
      </c>
      <c r="K15" s="1116">
        <v>408</v>
      </c>
      <c r="L15" s="2657">
        <v>72</v>
      </c>
      <c r="M15" s="1117">
        <v>336</v>
      </c>
      <c r="N15" s="2658">
        <v>344</v>
      </c>
      <c r="O15" s="2659">
        <v>71</v>
      </c>
      <c r="P15" s="2660">
        <v>273</v>
      </c>
    </row>
    <row r="16" spans="1:16" ht="20.149999999999999" customHeight="1" x14ac:dyDescent="0.25">
      <c r="A16" s="1115" t="s">
        <v>419</v>
      </c>
      <c r="B16" s="2651">
        <v>37</v>
      </c>
      <c r="C16" s="2652">
        <v>8</v>
      </c>
      <c r="D16" s="2653">
        <v>29</v>
      </c>
      <c r="E16" s="2654">
        <v>54</v>
      </c>
      <c r="F16" s="2655">
        <v>9</v>
      </c>
      <c r="G16" s="2656">
        <v>45</v>
      </c>
      <c r="H16" s="2654">
        <v>59</v>
      </c>
      <c r="I16" s="2655">
        <v>12</v>
      </c>
      <c r="J16" s="2656">
        <v>47</v>
      </c>
      <c r="K16" s="1116">
        <v>60</v>
      </c>
      <c r="L16" s="2657">
        <v>15</v>
      </c>
      <c r="M16" s="1117">
        <v>45</v>
      </c>
      <c r="N16" s="2658">
        <v>98</v>
      </c>
      <c r="O16" s="2659">
        <v>16</v>
      </c>
      <c r="P16" s="2660">
        <v>82</v>
      </c>
    </row>
    <row r="17" spans="1:16" ht="20.149999999999999" customHeight="1" x14ac:dyDescent="0.25">
      <c r="A17" s="1115" t="s">
        <v>418</v>
      </c>
      <c r="B17" s="2651">
        <v>95</v>
      </c>
      <c r="C17" s="2652">
        <v>40</v>
      </c>
      <c r="D17" s="2653">
        <v>55</v>
      </c>
      <c r="E17" s="2654">
        <v>90</v>
      </c>
      <c r="F17" s="2655">
        <v>36</v>
      </c>
      <c r="G17" s="2656">
        <v>54</v>
      </c>
      <c r="H17" s="2654">
        <v>89</v>
      </c>
      <c r="I17" s="2655">
        <v>38</v>
      </c>
      <c r="J17" s="2656">
        <v>51</v>
      </c>
      <c r="K17" s="1116">
        <v>92</v>
      </c>
      <c r="L17" s="2657">
        <v>40</v>
      </c>
      <c r="M17" s="1117">
        <v>52</v>
      </c>
      <c r="N17" s="2658">
        <v>86</v>
      </c>
      <c r="O17" s="2659">
        <v>29</v>
      </c>
      <c r="P17" s="2660">
        <v>57</v>
      </c>
    </row>
    <row r="18" spans="1:16" ht="20.149999999999999" customHeight="1" x14ac:dyDescent="0.25">
      <c r="A18" s="1115" t="s">
        <v>417</v>
      </c>
      <c r="B18" s="2651">
        <v>21</v>
      </c>
      <c r="C18" s="2652">
        <v>9</v>
      </c>
      <c r="D18" s="2653">
        <v>12</v>
      </c>
      <c r="E18" s="2654">
        <v>19</v>
      </c>
      <c r="F18" s="2655">
        <v>8</v>
      </c>
      <c r="G18" s="2656">
        <v>11</v>
      </c>
      <c r="H18" s="2654">
        <v>18</v>
      </c>
      <c r="I18" s="2655">
        <v>9</v>
      </c>
      <c r="J18" s="2656">
        <v>9</v>
      </c>
      <c r="K18" s="1116">
        <v>20</v>
      </c>
      <c r="L18" s="2657">
        <v>9</v>
      </c>
      <c r="M18" s="1117">
        <v>11</v>
      </c>
      <c r="N18" s="2658">
        <v>33</v>
      </c>
      <c r="O18" s="2659">
        <v>19</v>
      </c>
      <c r="P18" s="2660">
        <v>14</v>
      </c>
    </row>
    <row r="19" spans="1:16" ht="20.149999999999999" customHeight="1" x14ac:dyDescent="0.25">
      <c r="A19" s="1115" t="s">
        <v>422</v>
      </c>
      <c r="B19" s="2651">
        <v>248</v>
      </c>
      <c r="C19" s="2652">
        <v>68</v>
      </c>
      <c r="D19" s="2653">
        <v>180</v>
      </c>
      <c r="E19" s="2654">
        <v>235</v>
      </c>
      <c r="F19" s="2655">
        <v>72</v>
      </c>
      <c r="G19" s="2656">
        <v>163</v>
      </c>
      <c r="H19" s="2654">
        <v>196</v>
      </c>
      <c r="I19" s="2655">
        <v>72</v>
      </c>
      <c r="J19" s="2656">
        <v>124</v>
      </c>
      <c r="K19" s="1116">
        <v>188</v>
      </c>
      <c r="L19" s="2657">
        <v>76</v>
      </c>
      <c r="M19" s="1117">
        <v>112</v>
      </c>
      <c r="N19" s="2658">
        <v>181</v>
      </c>
      <c r="O19" s="2659">
        <v>72</v>
      </c>
      <c r="P19" s="2660">
        <v>109</v>
      </c>
    </row>
    <row r="20" spans="1:16" ht="20.149999999999999" customHeight="1" x14ac:dyDescent="0.25">
      <c r="A20" s="1115" t="s">
        <v>421</v>
      </c>
      <c r="B20" s="2651">
        <v>88</v>
      </c>
      <c r="C20" s="2652">
        <v>14</v>
      </c>
      <c r="D20" s="2653">
        <v>74</v>
      </c>
      <c r="E20" s="2654">
        <v>88</v>
      </c>
      <c r="F20" s="2655">
        <v>16</v>
      </c>
      <c r="G20" s="2656">
        <v>72</v>
      </c>
      <c r="H20" s="2654">
        <v>87</v>
      </c>
      <c r="I20" s="2655">
        <v>15</v>
      </c>
      <c r="J20" s="2656">
        <v>72</v>
      </c>
      <c r="K20" s="1116">
        <v>84</v>
      </c>
      <c r="L20" s="2657">
        <v>15</v>
      </c>
      <c r="M20" s="1117">
        <v>69</v>
      </c>
      <c r="N20" s="2658">
        <v>85</v>
      </c>
      <c r="O20" s="2659">
        <v>12</v>
      </c>
      <c r="P20" s="2660">
        <v>73</v>
      </c>
    </row>
    <row r="21" spans="1:16" ht="20.149999999999999" customHeight="1" x14ac:dyDescent="0.25">
      <c r="A21" s="1115" t="s">
        <v>236</v>
      </c>
      <c r="B21" s="2651">
        <v>26</v>
      </c>
      <c r="C21" s="2652">
        <v>5</v>
      </c>
      <c r="D21" s="2653">
        <v>21</v>
      </c>
      <c r="E21" s="2654">
        <v>36</v>
      </c>
      <c r="F21" s="2655">
        <v>5</v>
      </c>
      <c r="G21" s="2656">
        <v>31</v>
      </c>
      <c r="H21" s="2654">
        <v>39</v>
      </c>
      <c r="I21" s="2655">
        <v>9</v>
      </c>
      <c r="J21" s="2656">
        <v>30</v>
      </c>
      <c r="K21" s="1116">
        <v>24</v>
      </c>
      <c r="L21" s="2657">
        <v>3</v>
      </c>
      <c r="M21" s="1117">
        <v>21</v>
      </c>
      <c r="N21" s="2658">
        <v>21</v>
      </c>
      <c r="O21" s="2659">
        <v>2</v>
      </c>
      <c r="P21" s="2660">
        <v>19</v>
      </c>
    </row>
    <row r="22" spans="1:16" ht="20.149999999999999" customHeight="1" x14ac:dyDescent="0.25">
      <c r="A22" s="1115" t="s">
        <v>235</v>
      </c>
      <c r="B22" s="2651">
        <v>66</v>
      </c>
      <c r="C22" s="2652">
        <v>21</v>
      </c>
      <c r="D22" s="2653">
        <v>45</v>
      </c>
      <c r="E22" s="2654">
        <v>67</v>
      </c>
      <c r="F22" s="2655">
        <v>17</v>
      </c>
      <c r="G22" s="2656">
        <v>50</v>
      </c>
      <c r="H22" s="2654">
        <v>70</v>
      </c>
      <c r="I22" s="2655">
        <v>17</v>
      </c>
      <c r="J22" s="2656">
        <v>53</v>
      </c>
      <c r="K22" s="1116">
        <v>67</v>
      </c>
      <c r="L22" s="2657">
        <v>18</v>
      </c>
      <c r="M22" s="1117">
        <v>49</v>
      </c>
      <c r="N22" s="2658">
        <v>70</v>
      </c>
      <c r="O22" s="2659">
        <v>18</v>
      </c>
      <c r="P22" s="2660">
        <v>52</v>
      </c>
    </row>
    <row r="23" spans="1:16" ht="20.149999999999999" customHeight="1" x14ac:dyDescent="0.25">
      <c r="A23" s="1115" t="s">
        <v>362</v>
      </c>
      <c r="B23" s="2651">
        <v>74</v>
      </c>
      <c r="C23" s="2652">
        <v>6</v>
      </c>
      <c r="D23" s="2653">
        <v>68</v>
      </c>
      <c r="E23" s="2654">
        <v>72</v>
      </c>
      <c r="F23" s="2655">
        <v>7</v>
      </c>
      <c r="G23" s="2656">
        <v>65</v>
      </c>
      <c r="H23" s="2654">
        <v>93</v>
      </c>
      <c r="I23" s="2655">
        <v>9</v>
      </c>
      <c r="J23" s="2656">
        <v>84</v>
      </c>
      <c r="K23" s="1116">
        <v>100</v>
      </c>
      <c r="L23" s="2657">
        <v>12</v>
      </c>
      <c r="M23" s="1117">
        <v>88</v>
      </c>
      <c r="N23" s="2658">
        <v>114</v>
      </c>
      <c r="O23" s="2659">
        <v>14</v>
      </c>
      <c r="P23" s="2660">
        <v>100</v>
      </c>
    </row>
    <row r="24" spans="1:16" ht="20.149999999999999" customHeight="1" x14ac:dyDescent="0.25">
      <c r="A24" s="1115" t="s">
        <v>386</v>
      </c>
      <c r="B24" s="2651">
        <v>62</v>
      </c>
      <c r="C24" s="2652">
        <v>20</v>
      </c>
      <c r="D24" s="2653">
        <v>42</v>
      </c>
      <c r="E24" s="2654">
        <v>53</v>
      </c>
      <c r="F24" s="2655">
        <v>21</v>
      </c>
      <c r="G24" s="2656">
        <v>32</v>
      </c>
      <c r="H24" s="2654">
        <v>53</v>
      </c>
      <c r="I24" s="2655">
        <v>26</v>
      </c>
      <c r="J24" s="2656">
        <v>27</v>
      </c>
      <c r="K24" s="1116">
        <v>54</v>
      </c>
      <c r="L24" s="2657">
        <v>26</v>
      </c>
      <c r="M24" s="1117">
        <v>28</v>
      </c>
      <c r="N24" s="2658">
        <v>54</v>
      </c>
      <c r="O24" s="2659">
        <v>26</v>
      </c>
      <c r="P24" s="2660">
        <v>28</v>
      </c>
    </row>
    <row r="25" spans="1:16" ht="20.149999999999999" customHeight="1" x14ac:dyDescent="0.25">
      <c r="A25" s="1115" t="s">
        <v>341</v>
      </c>
      <c r="B25" s="2651">
        <v>26</v>
      </c>
      <c r="C25" s="2652">
        <v>11</v>
      </c>
      <c r="D25" s="2653">
        <v>15</v>
      </c>
      <c r="E25" s="2654">
        <v>38</v>
      </c>
      <c r="F25" s="2655">
        <v>11</v>
      </c>
      <c r="G25" s="2656">
        <v>27</v>
      </c>
      <c r="H25" s="2654">
        <v>37</v>
      </c>
      <c r="I25" s="2655">
        <v>13</v>
      </c>
      <c r="J25" s="2656">
        <v>24</v>
      </c>
      <c r="K25" s="1116">
        <v>34</v>
      </c>
      <c r="L25" s="2657">
        <v>11</v>
      </c>
      <c r="M25" s="1117">
        <v>23</v>
      </c>
      <c r="N25" s="2658">
        <v>46</v>
      </c>
      <c r="O25" s="2659">
        <v>16</v>
      </c>
      <c r="P25" s="2660">
        <v>30</v>
      </c>
    </row>
    <row r="26" spans="1:16" ht="20.149999999999999" customHeight="1" x14ac:dyDescent="0.25">
      <c r="A26" s="1115" t="s">
        <v>381</v>
      </c>
      <c r="B26" s="2651">
        <v>80</v>
      </c>
      <c r="C26" s="2652">
        <v>16</v>
      </c>
      <c r="D26" s="2653">
        <v>64</v>
      </c>
      <c r="E26" s="2654">
        <v>79</v>
      </c>
      <c r="F26" s="2655">
        <v>12</v>
      </c>
      <c r="G26" s="2656">
        <v>67</v>
      </c>
      <c r="H26" s="2654">
        <v>88</v>
      </c>
      <c r="I26" s="2655">
        <v>12</v>
      </c>
      <c r="J26" s="2656">
        <v>76</v>
      </c>
      <c r="K26" s="1116">
        <v>82</v>
      </c>
      <c r="L26" s="2657">
        <v>11</v>
      </c>
      <c r="M26" s="1117">
        <v>71</v>
      </c>
      <c r="N26" s="2658">
        <v>5</v>
      </c>
      <c r="O26" s="2659">
        <v>3</v>
      </c>
      <c r="P26" s="2660">
        <v>2</v>
      </c>
    </row>
    <row r="27" spans="1:16" ht="20.149999999999999" customHeight="1" x14ac:dyDescent="0.25">
      <c r="A27" s="1115" t="s">
        <v>370</v>
      </c>
      <c r="B27" s="2651">
        <v>112</v>
      </c>
      <c r="C27" s="2652">
        <v>36</v>
      </c>
      <c r="D27" s="2653">
        <v>76</v>
      </c>
      <c r="E27" s="2654">
        <v>98</v>
      </c>
      <c r="F27" s="2655">
        <v>29</v>
      </c>
      <c r="G27" s="2656">
        <v>69</v>
      </c>
      <c r="H27" s="2654">
        <v>97</v>
      </c>
      <c r="I27" s="2655">
        <v>30</v>
      </c>
      <c r="J27" s="2656">
        <v>67</v>
      </c>
      <c r="K27" s="1116">
        <v>81</v>
      </c>
      <c r="L27" s="2657">
        <v>25</v>
      </c>
      <c r="M27" s="1117">
        <v>56</v>
      </c>
      <c r="N27" s="2658">
        <v>83</v>
      </c>
      <c r="O27" s="2659">
        <v>28</v>
      </c>
      <c r="P27" s="2660">
        <v>55</v>
      </c>
    </row>
    <row r="28" spans="1:16" ht="20.149999999999999" customHeight="1" x14ac:dyDescent="0.25">
      <c r="A28" s="1115" t="s">
        <v>368</v>
      </c>
      <c r="B28" s="2651">
        <v>91</v>
      </c>
      <c r="C28" s="2652">
        <v>14</v>
      </c>
      <c r="D28" s="2653">
        <v>77</v>
      </c>
      <c r="E28" s="2654">
        <v>80</v>
      </c>
      <c r="F28" s="2655">
        <v>12</v>
      </c>
      <c r="G28" s="2656">
        <v>68</v>
      </c>
      <c r="H28" s="2654">
        <v>79</v>
      </c>
      <c r="I28" s="2655">
        <v>13</v>
      </c>
      <c r="J28" s="2656">
        <v>66</v>
      </c>
      <c r="K28" s="1116">
        <v>75</v>
      </c>
      <c r="L28" s="2657">
        <v>14</v>
      </c>
      <c r="M28" s="1117">
        <v>61</v>
      </c>
      <c r="N28" s="2658">
        <v>82</v>
      </c>
      <c r="O28" s="2659">
        <v>20</v>
      </c>
      <c r="P28" s="2660">
        <v>62</v>
      </c>
    </row>
    <row r="29" spans="1:16" ht="20.149999999999999" customHeight="1" x14ac:dyDescent="0.25">
      <c r="A29" s="1115" t="s">
        <v>572</v>
      </c>
      <c r="B29" s="2651">
        <v>133</v>
      </c>
      <c r="C29" s="2652">
        <v>66</v>
      </c>
      <c r="D29" s="2653">
        <v>67</v>
      </c>
      <c r="E29" s="2654">
        <v>161</v>
      </c>
      <c r="F29" s="2655">
        <v>66</v>
      </c>
      <c r="G29" s="2656">
        <v>95</v>
      </c>
      <c r="H29" s="2654">
        <v>182</v>
      </c>
      <c r="I29" s="2655">
        <v>63</v>
      </c>
      <c r="J29" s="2656">
        <v>119</v>
      </c>
      <c r="K29" s="1116">
        <v>156</v>
      </c>
      <c r="L29" s="2657">
        <v>66</v>
      </c>
      <c r="M29" s="1117">
        <v>90</v>
      </c>
      <c r="N29" s="2658">
        <v>188</v>
      </c>
      <c r="O29" s="2659">
        <v>79</v>
      </c>
      <c r="P29" s="2660">
        <v>109</v>
      </c>
    </row>
    <row r="30" spans="1:16" ht="20.149999999999999" customHeight="1" x14ac:dyDescent="0.25">
      <c r="A30" s="1115" t="s">
        <v>483</v>
      </c>
      <c r="B30" s="2651">
        <v>242</v>
      </c>
      <c r="C30" s="2652">
        <v>4</v>
      </c>
      <c r="D30" s="2653">
        <v>238</v>
      </c>
      <c r="E30" s="2654">
        <v>232</v>
      </c>
      <c r="F30" s="2655">
        <v>3</v>
      </c>
      <c r="G30" s="2656">
        <v>229</v>
      </c>
      <c r="H30" s="2654">
        <v>247</v>
      </c>
      <c r="I30" s="2655">
        <v>5</v>
      </c>
      <c r="J30" s="2656">
        <v>242</v>
      </c>
      <c r="K30" s="1116">
        <v>236</v>
      </c>
      <c r="L30" s="2657">
        <v>7</v>
      </c>
      <c r="M30" s="1117">
        <v>229</v>
      </c>
      <c r="N30" s="2658">
        <v>230</v>
      </c>
      <c r="O30" s="2659">
        <v>5</v>
      </c>
      <c r="P30" s="2660">
        <v>225</v>
      </c>
    </row>
    <row r="31" spans="1:16" ht="20.149999999999999" customHeight="1" x14ac:dyDescent="0.25">
      <c r="A31" s="1118" t="s">
        <v>344</v>
      </c>
      <c r="B31" s="2671">
        <v>2606</v>
      </c>
      <c r="C31" s="2672">
        <v>688</v>
      </c>
      <c r="D31" s="2673">
        <v>1918</v>
      </c>
      <c r="E31" s="2654">
        <v>2597</v>
      </c>
      <c r="F31" s="2655">
        <v>663</v>
      </c>
      <c r="G31" s="2656">
        <v>1934</v>
      </c>
      <c r="H31" s="2654">
        <v>2552</v>
      </c>
      <c r="I31" s="2655">
        <v>678</v>
      </c>
      <c r="J31" s="2656">
        <v>1874</v>
      </c>
      <c r="K31" s="1116">
        <v>2193</v>
      </c>
      <c r="L31" s="2657">
        <v>623</v>
      </c>
      <c r="M31" s="1117">
        <v>1570</v>
      </c>
      <c r="N31" s="2658">
        <v>2224</v>
      </c>
      <c r="O31" s="2659">
        <v>645</v>
      </c>
      <c r="P31" s="2660">
        <v>1579</v>
      </c>
    </row>
    <row r="32" spans="1:16" ht="20.149999999999999" customHeight="1" x14ac:dyDescent="0.25">
      <c r="A32" s="1122"/>
      <c r="B32" s="2674"/>
      <c r="C32" s="2675"/>
      <c r="D32" s="2676"/>
      <c r="E32" s="2677"/>
      <c r="F32" s="2678"/>
      <c r="G32" s="2679"/>
      <c r="H32" s="2677"/>
      <c r="I32" s="2678"/>
      <c r="J32" s="2679"/>
      <c r="K32" s="1123"/>
      <c r="L32" s="1124"/>
      <c r="M32" s="1125"/>
      <c r="N32" s="2680"/>
      <c r="O32" s="2681"/>
      <c r="P32" s="2682"/>
    </row>
    <row r="33" spans="1:16" ht="30" customHeight="1" x14ac:dyDescent="0.25">
      <c r="A33" s="1126" t="s">
        <v>486</v>
      </c>
      <c r="B33" s="2683">
        <v>5305</v>
      </c>
      <c r="C33" s="2684">
        <v>1751</v>
      </c>
      <c r="D33" s="2685">
        <v>3554</v>
      </c>
      <c r="E33" s="2686">
        <v>5104</v>
      </c>
      <c r="F33" s="2687">
        <v>1654</v>
      </c>
      <c r="G33" s="2688">
        <v>3450</v>
      </c>
      <c r="H33" s="2686">
        <v>4786</v>
      </c>
      <c r="I33" s="2687">
        <v>1635</v>
      </c>
      <c r="J33" s="2688">
        <v>3151</v>
      </c>
      <c r="K33" s="1127">
        <v>4252</v>
      </c>
      <c r="L33" s="2689">
        <v>1557</v>
      </c>
      <c r="M33" s="1128">
        <v>2695</v>
      </c>
      <c r="N33" s="2690">
        <v>4264</v>
      </c>
      <c r="O33" s="2691">
        <v>1604</v>
      </c>
      <c r="P33" s="2692">
        <v>2660</v>
      </c>
    </row>
    <row r="34" spans="1:16" ht="15" customHeight="1" x14ac:dyDescent="0.25">
      <c r="A34" s="781"/>
      <c r="B34" s="1129"/>
      <c r="C34" s="1129"/>
      <c r="D34" s="1129"/>
      <c r="E34" s="1130"/>
      <c r="F34" s="1130"/>
      <c r="G34" s="1130"/>
      <c r="H34" s="1130"/>
      <c r="I34" s="1130"/>
      <c r="J34" s="1130"/>
      <c r="K34" s="1130"/>
      <c r="L34" s="1130"/>
      <c r="M34" s="1130"/>
      <c r="N34" s="1130"/>
      <c r="O34" s="1130"/>
      <c r="P34" s="1130"/>
    </row>
    <row r="35" spans="1:16" ht="14.5" customHeight="1" x14ac:dyDescent="0.25">
      <c r="A35" s="3205" t="s">
        <v>487</v>
      </c>
      <c r="B35" s="3205" t="s">
        <v>38</v>
      </c>
      <c r="C35" s="3205" t="s">
        <v>38</v>
      </c>
      <c r="D35" s="3205" t="s">
        <v>38</v>
      </c>
      <c r="E35" s="3205" t="s">
        <v>38</v>
      </c>
      <c r="F35" s="3205" t="s">
        <v>38</v>
      </c>
      <c r="G35" s="3205" t="s">
        <v>38</v>
      </c>
      <c r="H35" s="3205" t="s">
        <v>38</v>
      </c>
      <c r="I35" s="3205" t="s">
        <v>38</v>
      </c>
      <c r="J35" s="3205" t="s">
        <v>38</v>
      </c>
      <c r="K35" s="3205" t="s">
        <v>38</v>
      </c>
      <c r="L35" s="3205" t="s">
        <v>38</v>
      </c>
      <c r="M35" s="3205" t="s">
        <v>38</v>
      </c>
      <c r="N35" s="3205" t="s">
        <v>38</v>
      </c>
      <c r="O35" s="3205" t="s">
        <v>38</v>
      </c>
      <c r="P35" s="3205" t="s">
        <v>38</v>
      </c>
    </row>
    <row r="36" spans="1:16" ht="10.4" customHeight="1" x14ac:dyDescent="0.25">
      <c r="A36" s="1513"/>
      <c r="B36" s="1509"/>
      <c r="C36" s="1509"/>
      <c r="D36" s="1509"/>
      <c r="E36" s="1509"/>
      <c r="F36" s="1509"/>
      <c r="G36" s="1509"/>
      <c r="H36" s="1509"/>
      <c r="I36" s="1509"/>
      <c r="J36" s="1509"/>
      <c r="K36" s="1509"/>
      <c r="L36" s="1509"/>
      <c r="M36" s="1509"/>
      <c r="N36" s="1509"/>
      <c r="O36" s="1509"/>
      <c r="P36" s="1509"/>
    </row>
    <row r="37" spans="1:16" ht="10.4" customHeight="1" x14ac:dyDescent="0.25">
      <c r="A37" s="1131"/>
      <c r="B37" s="1131"/>
      <c r="C37" s="1131"/>
      <c r="D37" s="1131"/>
      <c r="E37" s="1131"/>
      <c r="F37" s="1131"/>
      <c r="G37" s="1131"/>
      <c r="H37" s="1131"/>
      <c r="I37" s="1131"/>
      <c r="J37" s="1131"/>
      <c r="K37" s="1131"/>
      <c r="L37" s="1131"/>
      <c r="M37" s="1131"/>
      <c r="N37" s="1131"/>
      <c r="O37" s="1131"/>
      <c r="P37" s="1131"/>
    </row>
  </sheetData>
  <mergeCells count="7">
    <mergeCell ref="A35:P35"/>
    <mergeCell ref="A2:P2"/>
    <mergeCell ref="B3:D3"/>
    <mergeCell ref="E3:G3"/>
    <mergeCell ref="H3:J3"/>
    <mergeCell ref="K3:M3"/>
    <mergeCell ref="N3:P3"/>
  </mergeCells>
  <hyperlinks>
    <hyperlink ref="A1" location="TDM!A1" display="Retour à la table des matières" xr:uid="{00000000-0004-0000-1B00-000000000000}"/>
  </hyperlinks>
  <printOptions horizontalCentered="1"/>
  <pageMargins left="0.51181102362204722" right="0.51181102362204722" top="0.51181102362204722" bottom="0.51181102362204722" header="0.23622047244094491" footer="0.23622047244094491"/>
  <pageSetup scale="55" orientation="landscape" r:id="rId1"/>
  <headerFooter>
    <oddFooter>&amp;L&amp;G&amp;C&amp;"Scotia,Regular"&amp;9Informations financières supplémentaires (IFS)&amp;R&amp;"Scotia,Regular"&amp;9&amp;A</oddFooter>
  </headerFooter>
  <legacyDrawingHF r:id="rId2"/>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CBCC5D-DDC4-431F-BF7B-F2B47E3960E9}">
  <sheetPr>
    <pageSetUpPr fitToPage="1"/>
  </sheetPr>
  <dimension ref="A1:P51"/>
  <sheetViews>
    <sheetView showGridLines="0" zoomScaleNormal="100" workbookViewId="0"/>
  </sheetViews>
  <sheetFormatPr defaultColWidth="8.7265625" defaultRowHeight="12.5" x14ac:dyDescent="0.25"/>
  <cols>
    <col min="1" max="1" width="82.453125" style="25" customWidth="1"/>
    <col min="2" max="2" width="8.453125" style="25" customWidth="1"/>
    <col min="3" max="3" width="8" style="25" customWidth="1"/>
    <col min="4" max="4" width="10" style="25" bestFit="1" customWidth="1"/>
    <col min="5" max="6" width="7.1796875" style="25" customWidth="1"/>
    <col min="7" max="7" width="10" style="25" bestFit="1" customWidth="1"/>
    <col min="8" max="9" width="7.1796875" style="25" customWidth="1"/>
    <col min="10" max="10" width="10" style="25" bestFit="1" customWidth="1"/>
    <col min="11" max="12" width="7.1796875" style="25" customWidth="1"/>
    <col min="13" max="13" width="10" style="25" bestFit="1" customWidth="1"/>
    <col min="14" max="15" width="7.1796875" style="25" customWidth="1"/>
    <col min="16" max="16" width="10" style="25" bestFit="1" customWidth="1"/>
    <col min="17" max="16384" width="8.7265625" style="25"/>
  </cols>
  <sheetData>
    <row r="1" spans="1:16" ht="20.149999999999999" customHeight="1" x14ac:dyDescent="0.25">
      <c r="A1" s="24" t="s">
        <v>37</v>
      </c>
    </row>
    <row r="2" spans="1:16" ht="25" customHeight="1" x14ac:dyDescent="0.25">
      <c r="A2" s="3305" t="s">
        <v>833</v>
      </c>
      <c r="B2" s="3305" t="s">
        <v>38</v>
      </c>
      <c r="C2" s="3305" t="s">
        <v>38</v>
      </c>
      <c r="D2" s="3305" t="s">
        <v>38</v>
      </c>
      <c r="E2" s="3305" t="s">
        <v>38</v>
      </c>
      <c r="F2" s="3305" t="s">
        <v>38</v>
      </c>
      <c r="G2" s="3305" t="s">
        <v>38</v>
      </c>
      <c r="H2" s="3305" t="s">
        <v>38</v>
      </c>
      <c r="I2" s="3305" t="s">
        <v>38</v>
      </c>
      <c r="J2" s="3305" t="s">
        <v>38</v>
      </c>
      <c r="K2" s="3305" t="s">
        <v>38</v>
      </c>
      <c r="L2" s="3305" t="s">
        <v>38</v>
      </c>
      <c r="M2" s="3305" t="s">
        <v>38</v>
      </c>
      <c r="N2" s="3305" t="s">
        <v>38</v>
      </c>
      <c r="O2" s="3305" t="s">
        <v>38</v>
      </c>
      <c r="P2" s="3305" t="s">
        <v>38</v>
      </c>
    </row>
    <row r="3" spans="1:16" ht="15" customHeight="1" x14ac:dyDescent="0.25">
      <c r="A3" s="1132"/>
      <c r="B3" s="1133" t="s">
        <v>2</v>
      </c>
      <c r="C3" s="1134"/>
      <c r="D3" s="1135"/>
      <c r="E3" s="1136" t="s">
        <v>489</v>
      </c>
      <c r="F3" s="1137"/>
      <c r="G3" s="1138"/>
      <c r="H3" s="1136" t="s">
        <v>490</v>
      </c>
      <c r="I3" s="1137"/>
      <c r="J3" s="1138"/>
      <c r="K3" s="1136" t="s">
        <v>491</v>
      </c>
      <c r="L3" s="1137"/>
      <c r="M3" s="1138"/>
      <c r="N3" s="1136" t="s">
        <v>492</v>
      </c>
      <c r="O3" s="1137"/>
      <c r="P3" s="1137"/>
    </row>
    <row r="4" spans="1:16" ht="15" customHeight="1" x14ac:dyDescent="0.25">
      <c r="A4" s="1139"/>
      <c r="B4" s="1140" t="s">
        <v>488</v>
      </c>
      <c r="C4" s="1141" t="s">
        <v>493</v>
      </c>
      <c r="D4" s="2693" t="s">
        <v>495</v>
      </c>
      <c r="E4" s="1142" t="s">
        <v>488</v>
      </c>
      <c r="F4" s="1143" t="s">
        <v>493</v>
      </c>
      <c r="G4" s="2694" t="s">
        <v>495</v>
      </c>
      <c r="H4" s="1142" t="s">
        <v>488</v>
      </c>
      <c r="I4" s="1143" t="s">
        <v>493</v>
      </c>
      <c r="J4" s="2694" t="s">
        <v>495</v>
      </c>
      <c r="K4" s="1142" t="s">
        <v>488</v>
      </c>
      <c r="L4" s="1143" t="s">
        <v>493</v>
      </c>
      <c r="M4" s="2694" t="s">
        <v>495</v>
      </c>
      <c r="N4" s="1142" t="s">
        <v>488</v>
      </c>
      <c r="O4" s="1143" t="s">
        <v>493</v>
      </c>
      <c r="P4" s="2694" t="s">
        <v>495</v>
      </c>
    </row>
    <row r="5" spans="1:16" ht="15" customHeight="1" x14ac:dyDescent="0.25">
      <c r="A5" s="1144"/>
      <c r="B5" s="1145" t="s">
        <v>494</v>
      </c>
      <c r="C5" s="1146">
        <v>3</v>
      </c>
      <c r="D5" s="1147" t="s">
        <v>704</v>
      </c>
      <c r="E5" s="1148" t="s">
        <v>496</v>
      </c>
      <c r="F5" s="1149">
        <v>3</v>
      </c>
      <c r="G5" s="1150" t="s">
        <v>704</v>
      </c>
      <c r="H5" s="1148" t="s">
        <v>496</v>
      </c>
      <c r="I5" s="1149">
        <v>3</v>
      </c>
      <c r="J5" s="1150" t="s">
        <v>704</v>
      </c>
      <c r="K5" s="1148" t="s">
        <v>496</v>
      </c>
      <c r="L5" s="1149">
        <v>3</v>
      </c>
      <c r="M5" s="1150" t="s">
        <v>704</v>
      </c>
      <c r="N5" s="1148" t="s">
        <v>496</v>
      </c>
      <c r="O5" s="1149">
        <v>3</v>
      </c>
      <c r="P5" s="1150" t="s">
        <v>704</v>
      </c>
    </row>
    <row r="6" spans="1:16" ht="15" customHeight="1" x14ac:dyDescent="0.25">
      <c r="A6" s="1151" t="s">
        <v>705</v>
      </c>
      <c r="B6" s="1152"/>
      <c r="C6" s="1153"/>
      <c r="D6" s="1154"/>
      <c r="E6" s="1155"/>
      <c r="F6" s="1156"/>
      <c r="G6" s="1157"/>
      <c r="H6" s="1155"/>
      <c r="I6" s="1156"/>
      <c r="J6" s="1157"/>
      <c r="K6" s="1155"/>
      <c r="L6" s="1156"/>
      <c r="M6" s="1157"/>
      <c r="N6" s="1155"/>
      <c r="O6" s="1156"/>
      <c r="P6" s="1158"/>
    </row>
    <row r="7" spans="1:16" ht="15" customHeight="1" x14ac:dyDescent="0.25">
      <c r="A7" s="1159" t="s">
        <v>447</v>
      </c>
      <c r="B7" s="2695">
        <v>-19</v>
      </c>
      <c r="C7" s="2696">
        <v>207</v>
      </c>
      <c r="D7" s="2697">
        <v>188</v>
      </c>
      <c r="E7" s="2698">
        <v>10</v>
      </c>
      <c r="F7" s="2699">
        <v>175</v>
      </c>
      <c r="G7" s="2700">
        <v>185</v>
      </c>
      <c r="H7" s="2698">
        <v>0</v>
      </c>
      <c r="I7" s="2699">
        <v>137</v>
      </c>
      <c r="J7" s="2700">
        <v>137</v>
      </c>
      <c r="K7" s="2698">
        <v>-58</v>
      </c>
      <c r="L7" s="2699">
        <v>143</v>
      </c>
      <c r="M7" s="2700">
        <v>85</v>
      </c>
      <c r="N7" s="2698">
        <v>-120</v>
      </c>
      <c r="O7" s="2699">
        <v>118</v>
      </c>
      <c r="P7" s="2701">
        <v>-2</v>
      </c>
    </row>
    <row r="8" spans="1:16" ht="15" customHeight="1" x14ac:dyDescent="0.25">
      <c r="A8" s="1159" t="s">
        <v>441</v>
      </c>
      <c r="B8" s="2695">
        <v>14</v>
      </c>
      <c r="C8" s="2696">
        <v>16</v>
      </c>
      <c r="D8" s="2697">
        <v>30</v>
      </c>
      <c r="E8" s="2698">
        <v>21</v>
      </c>
      <c r="F8" s="2699">
        <v>12</v>
      </c>
      <c r="G8" s="2700">
        <v>33</v>
      </c>
      <c r="H8" s="2698">
        <v>10</v>
      </c>
      <c r="I8" s="2699">
        <v>16</v>
      </c>
      <c r="J8" s="2700">
        <v>26</v>
      </c>
      <c r="K8" s="2698">
        <v>8</v>
      </c>
      <c r="L8" s="2699">
        <v>0</v>
      </c>
      <c r="M8" s="2700">
        <v>8</v>
      </c>
      <c r="N8" s="2698">
        <v>-23</v>
      </c>
      <c r="O8" s="2699">
        <v>13</v>
      </c>
      <c r="P8" s="2701">
        <v>-10</v>
      </c>
    </row>
    <row r="9" spans="1:16" ht="15" customHeight="1" x14ac:dyDescent="0.25">
      <c r="A9" s="1160" t="s">
        <v>189</v>
      </c>
      <c r="B9" s="2695">
        <v>-5</v>
      </c>
      <c r="C9" s="2696">
        <v>223</v>
      </c>
      <c r="D9" s="2697">
        <v>218</v>
      </c>
      <c r="E9" s="1161">
        <v>31</v>
      </c>
      <c r="F9" s="1162">
        <v>187</v>
      </c>
      <c r="G9" s="2702">
        <v>218</v>
      </c>
      <c r="H9" s="1161">
        <v>10</v>
      </c>
      <c r="I9" s="1162">
        <v>153</v>
      </c>
      <c r="J9" s="2702">
        <v>163</v>
      </c>
      <c r="K9" s="1161">
        <v>-50</v>
      </c>
      <c r="L9" s="1162">
        <v>143</v>
      </c>
      <c r="M9" s="2702">
        <v>93</v>
      </c>
      <c r="N9" s="1161">
        <v>-143</v>
      </c>
      <c r="O9" s="1162">
        <v>131</v>
      </c>
      <c r="P9" s="2703">
        <v>-12</v>
      </c>
    </row>
    <row r="10" spans="1:16" ht="15" customHeight="1" x14ac:dyDescent="0.25">
      <c r="A10" s="1159" t="s">
        <v>447</v>
      </c>
      <c r="B10" s="2695">
        <v>24</v>
      </c>
      <c r="C10" s="2696">
        <v>326</v>
      </c>
      <c r="D10" s="2697">
        <v>350</v>
      </c>
      <c r="E10" s="2698">
        <v>9</v>
      </c>
      <c r="F10" s="2699">
        <v>306</v>
      </c>
      <c r="G10" s="2700">
        <v>315</v>
      </c>
      <c r="H10" s="2698">
        <v>19</v>
      </c>
      <c r="I10" s="2699">
        <v>257</v>
      </c>
      <c r="J10" s="2700">
        <v>276</v>
      </c>
      <c r="K10" s="2698">
        <v>42</v>
      </c>
      <c r="L10" s="2699">
        <v>201</v>
      </c>
      <c r="M10" s="2700">
        <v>243</v>
      </c>
      <c r="N10" s="2698">
        <v>-2</v>
      </c>
      <c r="O10" s="2699">
        <v>220</v>
      </c>
      <c r="P10" s="2701">
        <v>218</v>
      </c>
    </row>
    <row r="11" spans="1:16" ht="15" customHeight="1" x14ac:dyDescent="0.25">
      <c r="A11" s="1159" t="s">
        <v>441</v>
      </c>
      <c r="B11" s="2695">
        <v>15</v>
      </c>
      <c r="C11" s="2696">
        <v>70</v>
      </c>
      <c r="D11" s="2697">
        <v>85</v>
      </c>
      <c r="E11" s="2698">
        <v>18</v>
      </c>
      <c r="F11" s="2699">
        <v>69</v>
      </c>
      <c r="G11" s="2700">
        <v>87</v>
      </c>
      <c r="H11" s="2698">
        <v>16</v>
      </c>
      <c r="I11" s="2699">
        <v>63</v>
      </c>
      <c r="J11" s="2700">
        <v>79</v>
      </c>
      <c r="K11" s="2698">
        <v>18</v>
      </c>
      <c r="L11" s="2699">
        <v>61</v>
      </c>
      <c r="M11" s="2700">
        <v>79</v>
      </c>
      <c r="N11" s="2698">
        <v>-1</v>
      </c>
      <c r="O11" s="2699">
        <v>58</v>
      </c>
      <c r="P11" s="2701">
        <v>57</v>
      </c>
    </row>
    <row r="12" spans="1:16" ht="15" customHeight="1" x14ac:dyDescent="0.25">
      <c r="A12" s="1160" t="s">
        <v>51</v>
      </c>
      <c r="B12" s="2695">
        <v>39</v>
      </c>
      <c r="C12" s="2696">
        <v>396</v>
      </c>
      <c r="D12" s="2697">
        <v>435</v>
      </c>
      <c r="E12" s="2698">
        <v>27</v>
      </c>
      <c r="F12" s="2699">
        <v>375</v>
      </c>
      <c r="G12" s="2704">
        <v>402</v>
      </c>
      <c r="H12" s="2698">
        <v>35</v>
      </c>
      <c r="I12" s="2699">
        <v>320</v>
      </c>
      <c r="J12" s="2704">
        <v>355</v>
      </c>
      <c r="K12" s="2698">
        <v>60</v>
      </c>
      <c r="L12" s="2699">
        <v>262</v>
      </c>
      <c r="M12" s="2704">
        <v>322</v>
      </c>
      <c r="N12" s="2698">
        <v>-3</v>
      </c>
      <c r="O12" s="2699">
        <v>278</v>
      </c>
      <c r="P12" s="2705">
        <v>275</v>
      </c>
    </row>
    <row r="13" spans="1:16" ht="15" customHeight="1" x14ac:dyDescent="0.25">
      <c r="A13" s="1160" t="s">
        <v>331</v>
      </c>
      <c r="B13" s="2695">
        <v>-1</v>
      </c>
      <c r="C13" s="2696">
        <v>3</v>
      </c>
      <c r="D13" s="2697">
        <v>2</v>
      </c>
      <c r="E13" s="2698">
        <v>3</v>
      </c>
      <c r="F13" s="2699">
        <v>-2</v>
      </c>
      <c r="G13" s="2704">
        <v>1</v>
      </c>
      <c r="H13" s="2698">
        <v>2</v>
      </c>
      <c r="I13" s="2699">
        <v>-1</v>
      </c>
      <c r="J13" s="2704">
        <v>1</v>
      </c>
      <c r="K13" s="2698">
        <v>3</v>
      </c>
      <c r="L13" s="2699">
        <v>2</v>
      </c>
      <c r="M13" s="2704">
        <v>5</v>
      </c>
      <c r="N13" s="2698">
        <v>0</v>
      </c>
      <c r="O13" s="2699">
        <v>1</v>
      </c>
      <c r="P13" s="2705">
        <v>1</v>
      </c>
    </row>
    <row r="14" spans="1:16" ht="15" customHeight="1" x14ac:dyDescent="0.25">
      <c r="A14" s="1160" t="s">
        <v>301</v>
      </c>
      <c r="B14" s="2695">
        <v>53</v>
      </c>
      <c r="C14" s="2696">
        <v>-1</v>
      </c>
      <c r="D14" s="2697">
        <v>52</v>
      </c>
      <c r="E14" s="2698">
        <v>13</v>
      </c>
      <c r="F14" s="2699">
        <v>2</v>
      </c>
      <c r="G14" s="2704">
        <v>15</v>
      </c>
      <c r="H14" s="2698">
        <v>-11</v>
      </c>
      <c r="I14" s="2699">
        <v>22</v>
      </c>
      <c r="J14" s="2704">
        <v>11</v>
      </c>
      <c r="K14" s="2698">
        <v>2</v>
      </c>
      <c r="L14" s="2699">
        <v>-18</v>
      </c>
      <c r="M14" s="2704">
        <v>-16</v>
      </c>
      <c r="N14" s="2698">
        <v>-42</v>
      </c>
      <c r="O14" s="2699">
        <v>-4</v>
      </c>
      <c r="P14" s="2705">
        <v>-46</v>
      </c>
    </row>
    <row r="15" spans="1:16" ht="15" customHeight="1" x14ac:dyDescent="0.25">
      <c r="A15" s="1160" t="s">
        <v>572</v>
      </c>
      <c r="B15" s="2695">
        <v>1</v>
      </c>
      <c r="C15" s="2696">
        <v>0</v>
      </c>
      <c r="D15" s="2697">
        <v>1</v>
      </c>
      <c r="E15" s="2698" t="s">
        <v>485</v>
      </c>
      <c r="F15" s="2699" t="s">
        <v>485</v>
      </c>
      <c r="G15" s="2704" t="s">
        <v>485</v>
      </c>
      <c r="H15" s="2698">
        <v>-1</v>
      </c>
      <c r="I15" s="2699">
        <v>0</v>
      </c>
      <c r="J15" s="2704">
        <v>-1</v>
      </c>
      <c r="K15" s="2698">
        <v>0</v>
      </c>
      <c r="L15" s="2699">
        <v>0</v>
      </c>
      <c r="M15" s="2704">
        <v>0</v>
      </c>
      <c r="N15" s="2698">
        <v>0</v>
      </c>
      <c r="O15" s="2699">
        <v>0</v>
      </c>
      <c r="P15" s="2705">
        <v>0</v>
      </c>
    </row>
    <row r="16" spans="1:16" ht="15" customHeight="1" x14ac:dyDescent="0.25">
      <c r="A16" s="1160" t="s">
        <v>834</v>
      </c>
      <c r="B16" s="2695">
        <v>87</v>
      </c>
      <c r="C16" s="2696">
        <v>621</v>
      </c>
      <c r="D16" s="2697">
        <v>708</v>
      </c>
      <c r="E16" s="2698">
        <v>74</v>
      </c>
      <c r="F16" s="2699">
        <v>562</v>
      </c>
      <c r="G16" s="2704">
        <v>636</v>
      </c>
      <c r="H16" s="2698">
        <v>35</v>
      </c>
      <c r="I16" s="2699">
        <v>494</v>
      </c>
      <c r="J16" s="2704">
        <v>529</v>
      </c>
      <c r="K16" s="2698">
        <v>15</v>
      </c>
      <c r="L16" s="2699">
        <v>389</v>
      </c>
      <c r="M16" s="2704">
        <v>404</v>
      </c>
      <c r="N16" s="2698">
        <v>-188</v>
      </c>
      <c r="O16" s="2699">
        <v>406</v>
      </c>
      <c r="P16" s="2705">
        <v>218</v>
      </c>
    </row>
    <row r="17" spans="1:16" ht="15" customHeight="1" x14ac:dyDescent="0.25">
      <c r="A17" s="1159" t="s">
        <v>189</v>
      </c>
      <c r="B17" s="2695">
        <v>0</v>
      </c>
      <c r="C17" s="2696">
        <v>0</v>
      </c>
      <c r="D17" s="2697">
        <v>0</v>
      </c>
      <c r="E17" s="2698" t="s">
        <v>485</v>
      </c>
      <c r="F17" s="2699" t="s">
        <v>485</v>
      </c>
      <c r="G17" s="2700" t="s">
        <v>485</v>
      </c>
      <c r="H17" s="2698">
        <v>0</v>
      </c>
      <c r="I17" s="2699">
        <v>0</v>
      </c>
      <c r="J17" s="2700">
        <v>0</v>
      </c>
      <c r="K17" s="2698">
        <v>0</v>
      </c>
      <c r="L17" s="2699">
        <v>0</v>
      </c>
      <c r="M17" s="2700">
        <v>0</v>
      </c>
      <c r="N17" s="2698">
        <v>0</v>
      </c>
      <c r="O17" s="2699">
        <v>0</v>
      </c>
      <c r="P17" s="2701">
        <v>0</v>
      </c>
    </row>
    <row r="18" spans="1:16" ht="15" customHeight="1" x14ac:dyDescent="0.25">
      <c r="A18" s="1159" t="s">
        <v>497</v>
      </c>
      <c r="B18" s="2695">
        <v>1</v>
      </c>
      <c r="C18" s="2696">
        <v>0</v>
      </c>
      <c r="D18" s="2697">
        <v>1</v>
      </c>
      <c r="E18" s="2698">
        <v>2</v>
      </c>
      <c r="F18" s="2699" t="s">
        <v>485</v>
      </c>
      <c r="G18" s="2700">
        <v>2</v>
      </c>
      <c r="H18" s="2698">
        <v>0</v>
      </c>
      <c r="I18" s="2699">
        <v>0</v>
      </c>
      <c r="J18" s="2700">
        <v>0</v>
      </c>
      <c r="K18" s="2698">
        <v>3</v>
      </c>
      <c r="L18" s="2699">
        <v>0</v>
      </c>
      <c r="M18" s="2700">
        <v>3</v>
      </c>
      <c r="N18" s="2698">
        <v>1</v>
      </c>
      <c r="O18" s="2699">
        <v>0</v>
      </c>
      <c r="P18" s="2701">
        <v>1</v>
      </c>
    </row>
    <row r="19" spans="1:16" ht="15" customHeight="1" x14ac:dyDescent="0.25">
      <c r="A19" s="1159" t="s">
        <v>301</v>
      </c>
      <c r="B19" s="2695">
        <v>1</v>
      </c>
      <c r="C19" s="2696">
        <v>0</v>
      </c>
      <c r="D19" s="2697">
        <v>1</v>
      </c>
      <c r="E19" s="2698" t="s">
        <v>485</v>
      </c>
      <c r="F19" s="2699" t="s">
        <v>485</v>
      </c>
      <c r="G19" s="2700" t="s">
        <v>485</v>
      </c>
      <c r="H19" s="2698">
        <v>0</v>
      </c>
      <c r="I19" s="2699">
        <v>0</v>
      </c>
      <c r="J19" s="2700">
        <v>0</v>
      </c>
      <c r="K19" s="2698">
        <v>1</v>
      </c>
      <c r="L19" s="2699">
        <v>0</v>
      </c>
      <c r="M19" s="2700">
        <v>1</v>
      </c>
      <c r="N19" s="2698">
        <v>0</v>
      </c>
      <c r="O19" s="2699">
        <v>0</v>
      </c>
      <c r="P19" s="2701">
        <v>0</v>
      </c>
    </row>
    <row r="20" spans="1:16" ht="15" customHeight="1" x14ac:dyDescent="0.25">
      <c r="A20" s="1159" t="s">
        <v>571</v>
      </c>
      <c r="B20" s="2695">
        <v>0</v>
      </c>
      <c r="C20" s="2696">
        <v>0</v>
      </c>
      <c r="D20" s="2697">
        <v>0</v>
      </c>
      <c r="E20" s="2698" t="s">
        <v>485</v>
      </c>
      <c r="F20" s="2699" t="s">
        <v>485</v>
      </c>
      <c r="G20" s="2700" t="s">
        <v>485</v>
      </c>
      <c r="H20" s="2698">
        <v>0</v>
      </c>
      <c r="I20" s="2699">
        <v>0</v>
      </c>
      <c r="J20" s="2700">
        <v>0</v>
      </c>
      <c r="K20" s="2698">
        <v>0</v>
      </c>
      <c r="L20" s="2699">
        <v>0</v>
      </c>
      <c r="M20" s="2700">
        <v>0</v>
      </c>
      <c r="N20" s="2698">
        <v>0</v>
      </c>
      <c r="O20" s="2699">
        <v>0</v>
      </c>
      <c r="P20" s="2701">
        <v>0</v>
      </c>
    </row>
    <row r="21" spans="1:16" ht="15" customHeight="1" x14ac:dyDescent="0.25">
      <c r="A21" s="1163" t="s">
        <v>405</v>
      </c>
      <c r="B21" s="1164">
        <v>-1</v>
      </c>
      <c r="C21" s="1165">
        <v>0</v>
      </c>
      <c r="D21" s="2706">
        <v>-1</v>
      </c>
      <c r="E21" s="1166" t="s">
        <v>485</v>
      </c>
      <c r="F21" s="1167" t="s">
        <v>485</v>
      </c>
      <c r="G21" s="2707" t="s">
        <v>485</v>
      </c>
      <c r="H21" s="1166">
        <v>0</v>
      </c>
      <c r="I21" s="1167">
        <v>0</v>
      </c>
      <c r="J21" s="2707">
        <v>0</v>
      </c>
      <c r="K21" s="1166">
        <v>4</v>
      </c>
      <c r="L21" s="1167">
        <v>0</v>
      </c>
      <c r="M21" s="2707">
        <v>4</v>
      </c>
      <c r="N21" s="1166">
        <v>0</v>
      </c>
      <c r="O21" s="1167">
        <v>0</v>
      </c>
      <c r="P21" s="2708">
        <v>0</v>
      </c>
    </row>
    <row r="22" spans="1:16" ht="15" customHeight="1" x14ac:dyDescent="0.25">
      <c r="A22" s="1168" t="s">
        <v>835</v>
      </c>
      <c r="B22" s="1169">
        <v>1</v>
      </c>
      <c r="C22" s="1170">
        <v>0</v>
      </c>
      <c r="D22" s="2709">
        <v>1</v>
      </c>
      <c r="E22" s="1171">
        <v>2</v>
      </c>
      <c r="F22" s="1172" t="s">
        <v>485</v>
      </c>
      <c r="G22" s="2710">
        <v>2</v>
      </c>
      <c r="H22" s="1171">
        <v>0</v>
      </c>
      <c r="I22" s="1172">
        <v>0</v>
      </c>
      <c r="J22" s="2710">
        <v>0</v>
      </c>
      <c r="K22" s="1171">
        <v>8</v>
      </c>
      <c r="L22" s="1172">
        <v>0</v>
      </c>
      <c r="M22" s="2710">
        <v>8</v>
      </c>
      <c r="N22" s="1171">
        <v>1</v>
      </c>
      <c r="O22" s="1172">
        <v>0</v>
      </c>
      <c r="P22" s="2711">
        <v>1</v>
      </c>
    </row>
    <row r="23" spans="1:16" ht="15" customHeight="1" x14ac:dyDescent="0.25">
      <c r="A23" s="1173" t="s">
        <v>415</v>
      </c>
      <c r="B23" s="2712">
        <v>88</v>
      </c>
      <c r="C23" s="2713">
        <v>621</v>
      </c>
      <c r="D23" s="2714">
        <v>709</v>
      </c>
      <c r="E23" s="2715">
        <v>76</v>
      </c>
      <c r="F23" s="2716">
        <v>562</v>
      </c>
      <c r="G23" s="2717">
        <v>638</v>
      </c>
      <c r="H23" s="2715">
        <v>35</v>
      </c>
      <c r="I23" s="2716">
        <v>494</v>
      </c>
      <c r="J23" s="2717">
        <v>529</v>
      </c>
      <c r="K23" s="2715">
        <v>23</v>
      </c>
      <c r="L23" s="2716">
        <v>389</v>
      </c>
      <c r="M23" s="2717">
        <v>412</v>
      </c>
      <c r="N23" s="2715">
        <v>-187</v>
      </c>
      <c r="O23" s="2716">
        <v>406</v>
      </c>
      <c r="P23" s="2718">
        <v>219</v>
      </c>
    </row>
    <row r="24" spans="1:16" ht="15" customHeight="1" x14ac:dyDescent="0.25">
      <c r="A24" s="1174"/>
      <c r="B24" s="1175"/>
      <c r="C24" s="1176"/>
      <c r="D24" s="1177"/>
      <c r="E24" s="1178"/>
      <c r="F24" s="1179"/>
      <c r="G24" s="1180"/>
      <c r="H24" s="1181"/>
      <c r="I24" s="1182"/>
      <c r="J24" s="2719"/>
      <c r="K24" s="1181"/>
      <c r="L24" s="1182"/>
      <c r="M24" s="2719"/>
      <c r="N24" s="1181"/>
      <c r="O24" s="1182"/>
      <c r="P24" s="2720"/>
    </row>
    <row r="25" spans="1:16" ht="31" x14ac:dyDescent="0.25">
      <c r="A25" s="1497" t="s">
        <v>836</v>
      </c>
      <c r="B25" s="1183"/>
      <c r="C25" s="1184"/>
      <c r="D25" s="1185"/>
      <c r="E25" s="1186"/>
      <c r="F25" s="1187"/>
      <c r="G25" s="1188"/>
      <c r="H25" s="1189"/>
      <c r="I25" s="1190"/>
      <c r="J25" s="2721"/>
      <c r="K25" s="1189"/>
      <c r="L25" s="1190"/>
      <c r="M25" s="2721"/>
      <c r="N25" s="1189"/>
      <c r="O25" s="1190"/>
      <c r="P25" s="2722"/>
    </row>
    <row r="26" spans="1:16" ht="15" customHeight="1" x14ac:dyDescent="0.25">
      <c r="A26" s="1159" t="s">
        <v>447</v>
      </c>
      <c r="B26" s="2695">
        <v>-3</v>
      </c>
      <c r="C26" s="2696">
        <v>24</v>
      </c>
      <c r="D26" s="2723">
        <v>21</v>
      </c>
      <c r="E26" s="2724">
        <v>1</v>
      </c>
      <c r="F26" s="2725">
        <v>19</v>
      </c>
      <c r="G26" s="2726">
        <v>20</v>
      </c>
      <c r="H26" s="2698">
        <v>0</v>
      </c>
      <c r="I26" s="2699">
        <v>15</v>
      </c>
      <c r="J26" s="2700">
        <v>15</v>
      </c>
      <c r="K26" s="2698">
        <v>-7</v>
      </c>
      <c r="L26" s="2699">
        <v>16</v>
      </c>
      <c r="M26" s="2700">
        <v>9</v>
      </c>
      <c r="N26" s="2698">
        <v>-14</v>
      </c>
      <c r="O26" s="2699">
        <v>14</v>
      </c>
      <c r="P26" s="2701">
        <v>0</v>
      </c>
    </row>
    <row r="27" spans="1:16" ht="15" customHeight="1" x14ac:dyDescent="0.25">
      <c r="A27" s="1159" t="s">
        <v>441</v>
      </c>
      <c r="B27" s="2695">
        <v>7</v>
      </c>
      <c r="C27" s="2696">
        <v>7</v>
      </c>
      <c r="D27" s="2723">
        <v>14</v>
      </c>
      <c r="E27" s="2724">
        <v>10</v>
      </c>
      <c r="F27" s="2725">
        <v>6</v>
      </c>
      <c r="G27" s="2726">
        <v>16</v>
      </c>
      <c r="H27" s="2698">
        <v>4</v>
      </c>
      <c r="I27" s="2699">
        <v>8</v>
      </c>
      <c r="J27" s="2700">
        <v>12</v>
      </c>
      <c r="K27" s="2698">
        <v>4</v>
      </c>
      <c r="L27" s="2699">
        <v>1</v>
      </c>
      <c r="M27" s="2700">
        <v>5</v>
      </c>
      <c r="N27" s="2698">
        <v>-13</v>
      </c>
      <c r="O27" s="2699">
        <v>7</v>
      </c>
      <c r="P27" s="2701">
        <v>-6</v>
      </c>
    </row>
    <row r="28" spans="1:16" ht="15" customHeight="1" x14ac:dyDescent="0.25">
      <c r="A28" s="1160" t="s">
        <v>189</v>
      </c>
      <c r="B28" s="2695">
        <v>-1</v>
      </c>
      <c r="C28" s="2696">
        <v>21</v>
      </c>
      <c r="D28" s="2723">
        <v>20</v>
      </c>
      <c r="E28" s="2724">
        <v>2</v>
      </c>
      <c r="F28" s="2725">
        <v>17</v>
      </c>
      <c r="G28" s="2726">
        <v>19</v>
      </c>
      <c r="H28" s="1161">
        <v>1</v>
      </c>
      <c r="I28" s="1162">
        <v>14</v>
      </c>
      <c r="J28" s="2702">
        <v>15</v>
      </c>
      <c r="K28" s="1161">
        <v>-4</v>
      </c>
      <c r="L28" s="1162">
        <v>13</v>
      </c>
      <c r="M28" s="2702">
        <v>9</v>
      </c>
      <c r="N28" s="1161">
        <v>-14</v>
      </c>
      <c r="O28" s="1162">
        <v>13</v>
      </c>
      <c r="P28" s="2703">
        <v>-1</v>
      </c>
    </row>
    <row r="29" spans="1:16" ht="15" customHeight="1" x14ac:dyDescent="0.25">
      <c r="A29" s="1159" t="s">
        <v>447</v>
      </c>
      <c r="B29" s="2695">
        <v>12</v>
      </c>
      <c r="C29" s="2696">
        <v>172</v>
      </c>
      <c r="D29" s="2723">
        <v>184</v>
      </c>
      <c r="E29" s="2724">
        <v>5</v>
      </c>
      <c r="F29" s="2725">
        <v>167</v>
      </c>
      <c r="G29" s="2726">
        <v>172</v>
      </c>
      <c r="H29" s="2698">
        <v>11</v>
      </c>
      <c r="I29" s="2699">
        <v>150</v>
      </c>
      <c r="J29" s="2700">
        <v>161</v>
      </c>
      <c r="K29" s="2698">
        <v>26</v>
      </c>
      <c r="L29" s="2699">
        <v>121</v>
      </c>
      <c r="M29" s="2700">
        <v>147</v>
      </c>
      <c r="N29" s="2698">
        <v>-2</v>
      </c>
      <c r="O29" s="2699">
        <v>139</v>
      </c>
      <c r="P29" s="2701">
        <v>137</v>
      </c>
    </row>
    <row r="30" spans="1:16" ht="15" customHeight="1" x14ac:dyDescent="0.25">
      <c r="A30" s="1159" t="s">
        <v>441</v>
      </c>
      <c r="B30" s="2695">
        <v>6</v>
      </c>
      <c r="C30" s="2696">
        <v>30</v>
      </c>
      <c r="D30" s="2723">
        <v>36</v>
      </c>
      <c r="E30" s="2724">
        <v>8</v>
      </c>
      <c r="F30" s="2725">
        <v>29</v>
      </c>
      <c r="G30" s="2726">
        <v>37</v>
      </c>
      <c r="H30" s="2698">
        <v>7</v>
      </c>
      <c r="I30" s="2699">
        <v>28</v>
      </c>
      <c r="J30" s="2700">
        <v>35</v>
      </c>
      <c r="K30" s="2698">
        <v>8</v>
      </c>
      <c r="L30" s="2699">
        <v>28</v>
      </c>
      <c r="M30" s="2700">
        <v>36</v>
      </c>
      <c r="N30" s="2698">
        <v>0</v>
      </c>
      <c r="O30" s="2699">
        <v>29</v>
      </c>
      <c r="P30" s="2701">
        <v>29</v>
      </c>
    </row>
    <row r="31" spans="1:16" ht="15" customHeight="1" x14ac:dyDescent="0.25">
      <c r="A31" s="1160" t="s">
        <v>51</v>
      </c>
      <c r="B31" s="2695">
        <v>9</v>
      </c>
      <c r="C31" s="2696">
        <v>94</v>
      </c>
      <c r="D31" s="2723">
        <v>103</v>
      </c>
      <c r="E31" s="2724">
        <v>7</v>
      </c>
      <c r="F31" s="2725">
        <v>89</v>
      </c>
      <c r="G31" s="2726">
        <v>96</v>
      </c>
      <c r="H31" s="2698">
        <v>8</v>
      </c>
      <c r="I31" s="2699">
        <v>81</v>
      </c>
      <c r="J31" s="2704">
        <v>89</v>
      </c>
      <c r="K31" s="2698">
        <v>16</v>
      </c>
      <c r="L31" s="2699">
        <v>68</v>
      </c>
      <c r="M31" s="2704">
        <v>84</v>
      </c>
      <c r="N31" s="2698">
        <v>0</v>
      </c>
      <c r="O31" s="2699">
        <v>77</v>
      </c>
      <c r="P31" s="2705">
        <v>77</v>
      </c>
    </row>
    <row r="32" spans="1:16" ht="15" customHeight="1" x14ac:dyDescent="0.25">
      <c r="A32" s="1160" t="s">
        <v>331</v>
      </c>
      <c r="B32" s="2695">
        <v>0</v>
      </c>
      <c r="C32" s="2696">
        <v>5</v>
      </c>
      <c r="D32" s="2723">
        <v>5</v>
      </c>
      <c r="E32" s="2724">
        <v>5</v>
      </c>
      <c r="F32" s="2725">
        <v>-4</v>
      </c>
      <c r="G32" s="2726">
        <v>1</v>
      </c>
      <c r="H32" s="2698">
        <v>4</v>
      </c>
      <c r="I32" s="2699">
        <v>-2</v>
      </c>
      <c r="J32" s="2704">
        <v>2</v>
      </c>
      <c r="K32" s="2698">
        <v>6</v>
      </c>
      <c r="L32" s="2699">
        <v>2</v>
      </c>
      <c r="M32" s="2704">
        <v>8</v>
      </c>
      <c r="N32" s="2698">
        <v>0</v>
      </c>
      <c r="O32" s="2699">
        <v>1</v>
      </c>
      <c r="P32" s="2705">
        <v>1</v>
      </c>
    </row>
    <row r="33" spans="1:16" ht="15" customHeight="1" x14ac:dyDescent="0.25">
      <c r="A33" s="1160" t="s">
        <v>301</v>
      </c>
      <c r="B33" s="2695">
        <v>15</v>
      </c>
      <c r="C33" s="2696">
        <v>0</v>
      </c>
      <c r="D33" s="2727">
        <v>15</v>
      </c>
      <c r="E33" s="2724">
        <v>4</v>
      </c>
      <c r="F33" s="2725" t="s">
        <v>485</v>
      </c>
      <c r="G33" s="2728">
        <v>4</v>
      </c>
      <c r="H33" s="2698">
        <v>-3</v>
      </c>
      <c r="I33" s="2699">
        <v>6</v>
      </c>
      <c r="J33" s="2704">
        <v>3</v>
      </c>
      <c r="K33" s="2698">
        <v>1</v>
      </c>
      <c r="L33" s="2699">
        <v>-6</v>
      </c>
      <c r="M33" s="2704">
        <v>-5</v>
      </c>
      <c r="N33" s="2698">
        <v>-15</v>
      </c>
      <c r="O33" s="2699">
        <v>-1</v>
      </c>
      <c r="P33" s="2705">
        <v>-16</v>
      </c>
    </row>
    <row r="34" spans="1:16" ht="15" customHeight="1" x14ac:dyDescent="0.25">
      <c r="A34" s="1191" t="s">
        <v>572</v>
      </c>
      <c r="B34" s="1192">
        <v>0</v>
      </c>
      <c r="C34" s="1193">
        <v>0</v>
      </c>
      <c r="D34" s="1194">
        <v>0</v>
      </c>
      <c r="E34" s="1195" t="s">
        <v>485</v>
      </c>
      <c r="F34" s="1196" t="s">
        <v>485</v>
      </c>
      <c r="G34" s="1197" t="s">
        <v>485</v>
      </c>
      <c r="H34" s="1195">
        <v>0</v>
      </c>
      <c r="I34" s="1196">
        <v>0</v>
      </c>
      <c r="J34" s="1197">
        <v>0</v>
      </c>
      <c r="K34" s="1195">
        <v>0</v>
      </c>
      <c r="L34" s="1196">
        <v>0</v>
      </c>
      <c r="M34" s="1197">
        <v>0</v>
      </c>
      <c r="N34" s="1195">
        <v>0</v>
      </c>
      <c r="O34" s="1196">
        <v>0</v>
      </c>
      <c r="P34" s="1198">
        <v>0</v>
      </c>
    </row>
    <row r="35" spans="1:16" ht="29" x14ac:dyDescent="0.25">
      <c r="A35" s="1498" t="s">
        <v>837</v>
      </c>
      <c r="B35" s="2729">
        <v>4</v>
      </c>
      <c r="C35" s="2730">
        <v>33</v>
      </c>
      <c r="D35" s="2731">
        <v>37</v>
      </c>
      <c r="E35" s="2732">
        <v>4</v>
      </c>
      <c r="F35" s="2733">
        <v>29</v>
      </c>
      <c r="G35" s="2734">
        <v>33</v>
      </c>
      <c r="H35" s="2715">
        <v>2</v>
      </c>
      <c r="I35" s="2716">
        <v>26</v>
      </c>
      <c r="J35" s="2735">
        <v>28</v>
      </c>
      <c r="K35" s="2715">
        <v>1</v>
      </c>
      <c r="L35" s="2716">
        <v>21</v>
      </c>
      <c r="M35" s="2735">
        <v>22</v>
      </c>
      <c r="N35" s="2715">
        <v>-11</v>
      </c>
      <c r="O35" s="2716">
        <v>24</v>
      </c>
      <c r="P35" s="2736">
        <v>13</v>
      </c>
    </row>
    <row r="36" spans="1:16" ht="15" customHeight="1" x14ac:dyDescent="0.25">
      <c r="A36" s="1174"/>
      <c r="B36" s="1200"/>
      <c r="C36" s="1201"/>
      <c r="D36" s="1202"/>
      <c r="E36" s="1181"/>
      <c r="F36" s="1182"/>
      <c r="G36" s="1203"/>
      <c r="H36" s="1181"/>
      <c r="I36" s="1182"/>
      <c r="J36" s="2719"/>
      <c r="K36" s="1181"/>
      <c r="L36" s="1182"/>
      <c r="M36" s="2719"/>
      <c r="N36" s="1181"/>
      <c r="O36" s="1182"/>
      <c r="P36" s="2720"/>
    </row>
    <row r="37" spans="1:16" ht="31" x14ac:dyDescent="0.25">
      <c r="A37" s="1497" t="s">
        <v>664</v>
      </c>
      <c r="B37" s="1204"/>
      <c r="C37" s="1205"/>
      <c r="D37" s="1206"/>
      <c r="E37" s="1189"/>
      <c r="F37" s="1190"/>
      <c r="G37" s="1207"/>
      <c r="H37" s="1189"/>
      <c r="I37" s="1190"/>
      <c r="J37" s="2721"/>
      <c r="K37" s="1189"/>
      <c r="L37" s="1190"/>
      <c r="M37" s="2721"/>
      <c r="N37" s="1189"/>
      <c r="O37" s="1190"/>
      <c r="P37" s="2722"/>
    </row>
    <row r="38" spans="1:16" ht="15" customHeight="1" x14ac:dyDescent="0.25">
      <c r="A38" s="1159" t="s">
        <v>447</v>
      </c>
      <c r="B38" s="2737"/>
      <c r="C38" s="2738"/>
      <c r="D38" s="2723">
        <v>21</v>
      </c>
      <c r="E38" s="2739"/>
      <c r="F38" s="2740"/>
      <c r="G38" s="2726">
        <v>18</v>
      </c>
      <c r="H38" s="2741"/>
      <c r="I38" s="2742"/>
      <c r="J38" s="2700">
        <v>16</v>
      </c>
      <c r="K38" s="2741"/>
      <c r="L38" s="2742"/>
      <c r="M38" s="2700">
        <v>17</v>
      </c>
      <c r="N38" s="2741"/>
      <c r="O38" s="2742"/>
      <c r="P38" s="2701">
        <v>15</v>
      </c>
    </row>
    <row r="39" spans="1:16" ht="15" customHeight="1" x14ac:dyDescent="0.25">
      <c r="A39" s="1159" t="s">
        <v>441</v>
      </c>
      <c r="B39" s="2737"/>
      <c r="C39" s="2738"/>
      <c r="D39" s="2723">
        <v>8</v>
      </c>
      <c r="E39" s="2739"/>
      <c r="F39" s="2740"/>
      <c r="G39" s="2726">
        <v>9</v>
      </c>
      <c r="H39" s="2741"/>
      <c r="I39" s="2742"/>
      <c r="J39" s="2700">
        <v>7</v>
      </c>
      <c r="K39" s="2741"/>
      <c r="L39" s="2742"/>
      <c r="M39" s="2700">
        <v>-8</v>
      </c>
      <c r="N39" s="2741"/>
      <c r="O39" s="2742"/>
      <c r="P39" s="2701">
        <v>10</v>
      </c>
    </row>
    <row r="40" spans="1:16" ht="15" customHeight="1" x14ac:dyDescent="0.25">
      <c r="A40" s="1160" t="s">
        <v>189</v>
      </c>
      <c r="B40" s="2743"/>
      <c r="C40" s="2744"/>
      <c r="D40" s="2745">
        <v>18</v>
      </c>
      <c r="E40" s="2746"/>
      <c r="F40" s="2747"/>
      <c r="G40" s="1208">
        <v>16</v>
      </c>
      <c r="H40" s="2748"/>
      <c r="I40" s="2749"/>
      <c r="J40" s="2702">
        <v>14</v>
      </c>
      <c r="K40" s="2748"/>
      <c r="L40" s="2749"/>
      <c r="M40" s="2702">
        <v>12</v>
      </c>
      <c r="N40" s="2748"/>
      <c r="O40" s="2749"/>
      <c r="P40" s="2703">
        <v>14</v>
      </c>
    </row>
    <row r="41" spans="1:16" ht="15" customHeight="1" x14ac:dyDescent="0.25">
      <c r="A41" s="1159" t="s">
        <v>447</v>
      </c>
      <c r="B41" s="2737"/>
      <c r="C41" s="2738"/>
      <c r="D41" s="2723">
        <v>161</v>
      </c>
      <c r="E41" s="2739"/>
      <c r="F41" s="2740"/>
      <c r="G41" s="2726">
        <v>165</v>
      </c>
      <c r="H41" s="2741"/>
      <c r="I41" s="2742"/>
      <c r="J41" s="2700">
        <v>154</v>
      </c>
      <c r="K41" s="2741"/>
      <c r="L41" s="2742"/>
      <c r="M41" s="2700">
        <v>131</v>
      </c>
      <c r="N41" s="2741"/>
      <c r="O41" s="2742"/>
      <c r="P41" s="2701">
        <v>146</v>
      </c>
    </row>
    <row r="42" spans="1:16" ht="15" customHeight="1" x14ac:dyDescent="0.25">
      <c r="A42" s="1159" t="s">
        <v>441</v>
      </c>
      <c r="B42" s="2737"/>
      <c r="C42" s="2738"/>
      <c r="D42" s="2723">
        <v>20</v>
      </c>
      <c r="E42" s="2739"/>
      <c r="F42" s="2740"/>
      <c r="G42" s="2726">
        <v>29</v>
      </c>
      <c r="H42" s="2741"/>
      <c r="I42" s="2742"/>
      <c r="J42" s="2700">
        <v>17</v>
      </c>
      <c r="K42" s="2741"/>
      <c r="L42" s="2742"/>
      <c r="M42" s="2700">
        <v>31</v>
      </c>
      <c r="N42" s="2741"/>
      <c r="O42" s="2742"/>
      <c r="P42" s="2701">
        <v>21</v>
      </c>
    </row>
    <row r="43" spans="1:16" ht="15" customHeight="1" x14ac:dyDescent="0.25">
      <c r="A43" s="1160" t="s">
        <v>51</v>
      </c>
      <c r="B43" s="2737"/>
      <c r="C43" s="2738"/>
      <c r="D43" s="2727">
        <v>83</v>
      </c>
      <c r="E43" s="2739"/>
      <c r="F43" s="2740"/>
      <c r="G43" s="2728">
        <v>88</v>
      </c>
      <c r="H43" s="2741"/>
      <c r="I43" s="2742"/>
      <c r="J43" s="2704">
        <v>76</v>
      </c>
      <c r="K43" s="2741"/>
      <c r="L43" s="2742"/>
      <c r="M43" s="2704">
        <v>74</v>
      </c>
      <c r="N43" s="2741"/>
      <c r="O43" s="2742"/>
      <c r="P43" s="2705">
        <v>76</v>
      </c>
    </row>
    <row r="44" spans="1:16" ht="15" customHeight="1" x14ac:dyDescent="0.25">
      <c r="A44" s="1160" t="s">
        <v>331</v>
      </c>
      <c r="B44" s="2737"/>
      <c r="C44" s="2738"/>
      <c r="D44" s="2727">
        <v>1</v>
      </c>
      <c r="E44" s="2739"/>
      <c r="F44" s="2740"/>
      <c r="G44" s="2728">
        <v>-1</v>
      </c>
      <c r="H44" s="2741"/>
      <c r="I44" s="2742"/>
      <c r="J44" s="2704">
        <v>-1</v>
      </c>
      <c r="K44" s="2741"/>
      <c r="L44" s="2742"/>
      <c r="M44" s="2704">
        <v>6</v>
      </c>
      <c r="N44" s="2741"/>
      <c r="O44" s="2742"/>
      <c r="P44" s="2705">
        <v>0</v>
      </c>
    </row>
    <row r="45" spans="1:16" ht="15" customHeight="1" x14ac:dyDescent="0.25">
      <c r="A45" s="1160" t="s">
        <v>301</v>
      </c>
      <c r="B45" s="2737"/>
      <c r="C45" s="2738"/>
      <c r="D45" s="2727">
        <v>0</v>
      </c>
      <c r="E45" s="2739"/>
      <c r="F45" s="2740"/>
      <c r="G45" s="2728">
        <v>2</v>
      </c>
      <c r="H45" s="2741"/>
      <c r="I45" s="2742"/>
      <c r="J45" s="2704">
        <v>1</v>
      </c>
      <c r="K45" s="2741"/>
      <c r="L45" s="2742"/>
      <c r="M45" s="2704">
        <v>-11</v>
      </c>
      <c r="N45" s="2741"/>
      <c r="O45" s="2742"/>
      <c r="P45" s="2705">
        <v>2</v>
      </c>
    </row>
    <row r="46" spans="1:16" ht="15" customHeight="1" x14ac:dyDescent="0.25">
      <c r="A46" s="1191" t="s">
        <v>572</v>
      </c>
      <c r="B46" s="2750"/>
      <c r="C46" s="2751"/>
      <c r="D46" s="1194">
        <v>0</v>
      </c>
      <c r="E46" s="2752"/>
      <c r="F46" s="2753"/>
      <c r="G46" s="1197" t="s">
        <v>485</v>
      </c>
      <c r="H46" s="2754"/>
      <c r="I46" s="2755"/>
      <c r="J46" s="1197">
        <v>0</v>
      </c>
      <c r="K46" s="2754"/>
      <c r="L46" s="2755"/>
      <c r="M46" s="1197">
        <v>0</v>
      </c>
      <c r="N46" s="2754"/>
      <c r="O46" s="2755"/>
      <c r="P46" s="1198">
        <v>0</v>
      </c>
    </row>
    <row r="47" spans="1:16" ht="15" customHeight="1" x14ac:dyDescent="0.25">
      <c r="A47" s="1199" t="s">
        <v>498</v>
      </c>
      <c r="B47" s="2756"/>
      <c r="C47" s="2757"/>
      <c r="D47" s="2731">
        <v>29</v>
      </c>
      <c r="E47" s="2758"/>
      <c r="F47" s="2759"/>
      <c r="G47" s="2734">
        <v>29</v>
      </c>
      <c r="H47" s="2760"/>
      <c r="I47" s="2761"/>
      <c r="J47" s="2735">
        <v>24</v>
      </c>
      <c r="K47" s="2760"/>
      <c r="L47" s="2761"/>
      <c r="M47" s="2735">
        <v>21</v>
      </c>
      <c r="N47" s="2760"/>
      <c r="O47" s="2761"/>
      <c r="P47" s="2736">
        <v>25</v>
      </c>
    </row>
    <row r="48" spans="1:16" ht="15" customHeight="1" x14ac:dyDescent="0.25">
      <c r="A48" s="1209"/>
      <c r="B48" s="1209"/>
      <c r="C48" s="1209"/>
      <c r="D48" s="1209"/>
      <c r="E48" s="1210"/>
      <c r="F48" s="1210"/>
      <c r="G48" s="1210"/>
      <c r="H48" s="1210"/>
      <c r="I48" s="1210"/>
      <c r="J48" s="1210"/>
      <c r="K48" s="1210"/>
      <c r="L48" s="1210"/>
      <c r="M48" s="1210"/>
      <c r="N48" s="1210"/>
      <c r="O48" s="1210"/>
      <c r="P48" s="1210"/>
    </row>
    <row r="49" spans="1:16" ht="12" customHeight="1" x14ac:dyDescent="0.25">
      <c r="A49" s="3205" t="s">
        <v>499</v>
      </c>
      <c r="B49" s="3205" t="s">
        <v>38</v>
      </c>
      <c r="C49" s="3205" t="s">
        <v>38</v>
      </c>
      <c r="D49" s="3205" t="s">
        <v>38</v>
      </c>
      <c r="E49" s="3205" t="s">
        <v>38</v>
      </c>
      <c r="F49" s="3205" t="s">
        <v>38</v>
      </c>
      <c r="G49" s="3205" t="s">
        <v>38</v>
      </c>
      <c r="H49" s="3205" t="s">
        <v>38</v>
      </c>
      <c r="I49" s="3205" t="s">
        <v>38</v>
      </c>
      <c r="J49" s="3205" t="s">
        <v>38</v>
      </c>
      <c r="K49" s="3205" t="s">
        <v>38</v>
      </c>
      <c r="L49" s="3205" t="s">
        <v>38</v>
      </c>
      <c r="M49" s="3205" t="s">
        <v>38</v>
      </c>
      <c r="N49" s="3205" t="s">
        <v>38</v>
      </c>
      <c r="O49" s="3205" t="s">
        <v>38</v>
      </c>
      <c r="P49" s="3205" t="s">
        <v>38</v>
      </c>
    </row>
    <row r="50" spans="1:16" ht="12" customHeight="1" x14ac:dyDescent="0.25">
      <c r="A50" s="3205" t="s">
        <v>777</v>
      </c>
      <c r="B50" s="3205" t="s">
        <v>38</v>
      </c>
      <c r="C50" s="3205" t="s">
        <v>38</v>
      </c>
      <c r="D50" s="3205" t="s">
        <v>38</v>
      </c>
      <c r="E50" s="3205" t="s">
        <v>38</v>
      </c>
      <c r="F50" s="3205" t="s">
        <v>38</v>
      </c>
      <c r="G50" s="3205" t="s">
        <v>38</v>
      </c>
      <c r="H50" s="3205" t="s">
        <v>38</v>
      </c>
      <c r="I50" s="3205" t="s">
        <v>38</v>
      </c>
      <c r="J50" s="3205" t="s">
        <v>38</v>
      </c>
      <c r="K50" s="3205" t="s">
        <v>38</v>
      </c>
      <c r="L50" s="3205" t="s">
        <v>38</v>
      </c>
      <c r="M50" s="3205" t="s">
        <v>38</v>
      </c>
      <c r="N50" s="3205" t="s">
        <v>38</v>
      </c>
      <c r="O50" s="3205" t="s">
        <v>38</v>
      </c>
      <c r="P50" s="3205" t="s">
        <v>38</v>
      </c>
    </row>
    <row r="51" spans="1:16" ht="10" customHeight="1" x14ac:dyDescent="0.25">
      <c r="A51" s="1211"/>
      <c r="B51" s="1212"/>
      <c r="C51" s="1212"/>
      <c r="D51" s="1212"/>
      <c r="E51" s="1212"/>
      <c r="F51" s="1212"/>
      <c r="G51" s="1212"/>
      <c r="H51" s="1212"/>
      <c r="I51" s="1212"/>
      <c r="J51" s="1212"/>
      <c r="K51" s="1212"/>
      <c r="L51" s="1212"/>
      <c r="M51" s="1212"/>
      <c r="N51" s="1212"/>
      <c r="O51" s="1212"/>
      <c r="P51" s="1212"/>
    </row>
  </sheetData>
  <mergeCells count="3">
    <mergeCell ref="A2:P2"/>
    <mergeCell ref="A49:P49"/>
    <mergeCell ref="A50:P50"/>
  </mergeCells>
  <hyperlinks>
    <hyperlink ref="A1" location="TDM!A1" display="Retour à la table des matières" xr:uid="{00000000-0004-0000-1C00-000000000000}"/>
  </hyperlinks>
  <printOptions horizontalCentered="1"/>
  <pageMargins left="0.51181102362204722" right="0.51181102362204722" top="0.51181102362204722" bottom="0.51181102362204722" header="0.23622047244094491" footer="0.23622047244094491"/>
  <pageSetup scale="61" orientation="landscape" r:id="rId1"/>
  <headerFooter>
    <oddFooter>&amp;L&amp;G&amp;C&amp;"Scotia,Regular"&amp;9Informations financières supplémentaires (IFS)&amp;R&amp;"Scotia,Regular"&amp;9&amp;A</oddFooter>
  </headerFooter>
  <legacyDrawingHF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5025A6-C3B6-4A40-9B32-EAB80442F855}">
  <sheetPr>
    <pageSetUpPr fitToPage="1"/>
  </sheetPr>
  <dimension ref="A1:L15"/>
  <sheetViews>
    <sheetView showGridLines="0" zoomScaleNormal="100" workbookViewId="0"/>
  </sheetViews>
  <sheetFormatPr defaultColWidth="8.7265625" defaultRowHeight="12.5" x14ac:dyDescent="0.25"/>
  <cols>
    <col min="1" max="1" width="86.7265625" style="25" customWidth="1"/>
    <col min="2" max="12" width="7.26953125" style="25" customWidth="1"/>
    <col min="13" max="16384" width="8.7265625" style="25"/>
  </cols>
  <sheetData>
    <row r="1" spans="1:12" ht="20.149999999999999" customHeight="1" x14ac:dyDescent="0.25">
      <c r="A1" s="24" t="s">
        <v>567</v>
      </c>
    </row>
    <row r="2" spans="1:12" ht="25" customHeight="1" x14ac:dyDescent="0.25">
      <c r="A2" s="3102" t="s">
        <v>10</v>
      </c>
      <c r="B2" s="3102" t="s">
        <v>38</v>
      </c>
      <c r="C2" s="3102" t="s">
        <v>38</v>
      </c>
      <c r="D2" s="3102" t="s">
        <v>38</v>
      </c>
      <c r="E2" s="3102" t="s">
        <v>38</v>
      </c>
      <c r="F2" s="3102" t="s">
        <v>38</v>
      </c>
      <c r="G2" s="3102" t="s">
        <v>38</v>
      </c>
      <c r="H2" s="3102" t="s">
        <v>38</v>
      </c>
      <c r="I2" s="3102" t="s">
        <v>38</v>
      </c>
      <c r="J2" s="3102" t="s">
        <v>38</v>
      </c>
      <c r="K2" s="3102" t="s">
        <v>38</v>
      </c>
      <c r="L2" s="3102" t="s">
        <v>38</v>
      </c>
    </row>
    <row r="3" spans="1:12" ht="30" customHeight="1" x14ac:dyDescent="0.35">
      <c r="A3" s="3100" t="s">
        <v>710</v>
      </c>
      <c r="B3" s="3100" t="s">
        <v>38</v>
      </c>
      <c r="C3" s="3100" t="s">
        <v>38</v>
      </c>
      <c r="D3" s="3100" t="s">
        <v>38</v>
      </c>
      <c r="E3" s="3100" t="s">
        <v>38</v>
      </c>
      <c r="F3" s="3100" t="s">
        <v>38</v>
      </c>
      <c r="G3" s="3100" t="s">
        <v>38</v>
      </c>
      <c r="H3" s="3100" t="s">
        <v>38</v>
      </c>
      <c r="I3" s="3100" t="s">
        <v>38</v>
      </c>
      <c r="J3" s="3100" t="s">
        <v>38</v>
      </c>
      <c r="K3" s="3100" t="s">
        <v>38</v>
      </c>
      <c r="L3" s="3100" t="s">
        <v>38</v>
      </c>
    </row>
    <row r="4" spans="1:12" ht="25" customHeight="1" x14ac:dyDescent="0.35">
      <c r="A4" s="3100" t="s">
        <v>39</v>
      </c>
      <c r="B4" s="3100" t="s">
        <v>38</v>
      </c>
      <c r="C4" s="3100" t="s">
        <v>38</v>
      </c>
      <c r="D4" s="3100" t="s">
        <v>38</v>
      </c>
      <c r="E4" s="3100" t="s">
        <v>38</v>
      </c>
      <c r="F4" s="3100" t="s">
        <v>38</v>
      </c>
      <c r="G4" s="3100" t="s">
        <v>38</v>
      </c>
      <c r="H4" s="3100" t="s">
        <v>38</v>
      </c>
      <c r="I4" s="3100" t="s">
        <v>38</v>
      </c>
      <c r="J4" s="3100" t="s">
        <v>38</v>
      </c>
      <c r="K4" s="3100" t="s">
        <v>38</v>
      </c>
      <c r="L4" s="3100" t="s">
        <v>38</v>
      </c>
    </row>
    <row r="5" spans="1:12" ht="99" customHeight="1" x14ac:dyDescent="0.25">
      <c r="A5" s="3099" t="s">
        <v>40</v>
      </c>
      <c r="B5" s="3099" t="s">
        <v>38</v>
      </c>
      <c r="C5" s="3099" t="s">
        <v>38</v>
      </c>
      <c r="D5" s="3099" t="s">
        <v>38</v>
      </c>
      <c r="E5" s="3099" t="s">
        <v>38</v>
      </c>
      <c r="F5" s="3099" t="s">
        <v>38</v>
      </c>
      <c r="G5" s="3099" t="s">
        <v>38</v>
      </c>
      <c r="H5" s="3099" t="s">
        <v>38</v>
      </c>
      <c r="I5" s="3099" t="s">
        <v>38</v>
      </c>
      <c r="J5" s="3099" t="s">
        <v>38</v>
      </c>
      <c r="K5" s="3099" t="s">
        <v>38</v>
      </c>
      <c r="L5" s="3099" t="s">
        <v>38</v>
      </c>
    </row>
    <row r="6" spans="1:12" ht="25" customHeight="1" x14ac:dyDescent="0.35">
      <c r="A6" s="3100" t="s">
        <v>41</v>
      </c>
      <c r="B6" s="3100" t="s">
        <v>38</v>
      </c>
      <c r="C6" s="3100" t="s">
        <v>38</v>
      </c>
      <c r="D6" s="3100" t="s">
        <v>38</v>
      </c>
      <c r="E6" s="3100" t="s">
        <v>38</v>
      </c>
      <c r="F6" s="3100" t="s">
        <v>38</v>
      </c>
      <c r="G6" s="3100" t="s">
        <v>38</v>
      </c>
      <c r="H6" s="3100" t="s">
        <v>38</v>
      </c>
      <c r="I6" s="3100" t="s">
        <v>38</v>
      </c>
      <c r="J6" s="3100" t="s">
        <v>38</v>
      </c>
      <c r="K6" s="3100" t="s">
        <v>38</v>
      </c>
      <c r="L6" s="3100" t="s">
        <v>38</v>
      </c>
    </row>
    <row r="7" spans="1:12" ht="98.25" customHeight="1" x14ac:dyDescent="0.25">
      <c r="A7" s="3099" t="s">
        <v>711</v>
      </c>
      <c r="B7" s="3099" t="s">
        <v>38</v>
      </c>
      <c r="C7" s="3099" t="s">
        <v>38</v>
      </c>
      <c r="D7" s="3099" t="s">
        <v>38</v>
      </c>
      <c r="E7" s="3099" t="s">
        <v>38</v>
      </c>
      <c r="F7" s="3099" t="s">
        <v>38</v>
      </c>
      <c r="G7" s="3099" t="s">
        <v>38</v>
      </c>
      <c r="H7" s="3099" t="s">
        <v>38</v>
      </c>
      <c r="I7" s="3099" t="s">
        <v>38</v>
      </c>
      <c r="J7" s="3099" t="s">
        <v>38</v>
      </c>
      <c r="K7" s="3099" t="s">
        <v>38</v>
      </c>
      <c r="L7" s="3099" t="s">
        <v>38</v>
      </c>
    </row>
    <row r="8" spans="1:12" ht="25" customHeight="1" x14ac:dyDescent="0.35">
      <c r="A8" s="3100" t="s">
        <v>712</v>
      </c>
      <c r="B8" s="3100" t="s">
        <v>38</v>
      </c>
      <c r="C8" s="3100" t="s">
        <v>38</v>
      </c>
      <c r="D8" s="3100" t="s">
        <v>38</v>
      </c>
      <c r="E8" s="3100" t="s">
        <v>38</v>
      </c>
      <c r="F8" s="3100" t="s">
        <v>38</v>
      </c>
      <c r="G8" s="3100" t="s">
        <v>38</v>
      </c>
      <c r="H8" s="3100" t="s">
        <v>38</v>
      </c>
      <c r="I8" s="3100" t="s">
        <v>38</v>
      </c>
      <c r="J8" s="3100" t="s">
        <v>38</v>
      </c>
      <c r="K8" s="3100" t="s">
        <v>38</v>
      </c>
      <c r="L8" s="3100" t="s">
        <v>38</v>
      </c>
    </row>
    <row r="9" spans="1:12" ht="55.5" customHeight="1" x14ac:dyDescent="0.25">
      <c r="A9" s="3099" t="s">
        <v>42</v>
      </c>
      <c r="B9" s="3099" t="s">
        <v>38</v>
      </c>
      <c r="C9" s="3099" t="s">
        <v>38</v>
      </c>
      <c r="D9" s="3099" t="s">
        <v>38</v>
      </c>
      <c r="E9" s="3099" t="s">
        <v>38</v>
      </c>
      <c r="F9" s="3099" t="s">
        <v>38</v>
      </c>
      <c r="G9" s="3099" t="s">
        <v>38</v>
      </c>
      <c r="H9" s="3099" t="s">
        <v>38</v>
      </c>
      <c r="I9" s="3099" t="s">
        <v>38</v>
      </c>
      <c r="J9" s="3099" t="s">
        <v>38</v>
      </c>
      <c r="K9" s="3099" t="s">
        <v>38</v>
      </c>
      <c r="L9" s="3099" t="s">
        <v>38</v>
      </c>
    </row>
    <row r="10" spans="1:12" x14ac:dyDescent="0.25">
      <c r="A10" s="3101" t="s">
        <v>43</v>
      </c>
      <c r="B10" s="3101" t="s">
        <v>38</v>
      </c>
      <c r="C10" s="3101" t="s">
        <v>38</v>
      </c>
      <c r="D10" s="3101" t="s">
        <v>38</v>
      </c>
      <c r="E10" s="3101" t="s">
        <v>38</v>
      </c>
      <c r="F10" s="3101" t="s">
        <v>38</v>
      </c>
      <c r="G10" s="3101" t="s">
        <v>38</v>
      </c>
      <c r="H10" s="3101" t="s">
        <v>38</v>
      </c>
      <c r="I10" s="3101" t="s">
        <v>38</v>
      </c>
      <c r="J10" s="3101" t="s">
        <v>38</v>
      </c>
      <c r="K10" s="3101" t="s">
        <v>38</v>
      </c>
      <c r="L10" s="3101" t="s">
        <v>38</v>
      </c>
    </row>
    <row r="11" spans="1:12" ht="77.150000000000006" customHeight="1" x14ac:dyDescent="0.25">
      <c r="A11" s="3099" t="s">
        <v>889</v>
      </c>
      <c r="B11" s="3099" t="s">
        <v>38</v>
      </c>
      <c r="C11" s="3099" t="s">
        <v>38</v>
      </c>
      <c r="D11" s="3099" t="s">
        <v>38</v>
      </c>
      <c r="E11" s="3099" t="s">
        <v>38</v>
      </c>
      <c r="F11" s="3099" t="s">
        <v>38</v>
      </c>
      <c r="G11" s="3099" t="s">
        <v>38</v>
      </c>
      <c r="H11" s="3099" t="s">
        <v>38</v>
      </c>
      <c r="I11" s="3099" t="s">
        <v>38</v>
      </c>
      <c r="J11" s="3099" t="s">
        <v>38</v>
      </c>
      <c r="K11" s="3099" t="s">
        <v>38</v>
      </c>
      <c r="L11" s="3099" t="s">
        <v>38</v>
      </c>
    </row>
    <row r="12" spans="1:12" ht="106" customHeight="1" x14ac:dyDescent="0.25">
      <c r="A12" s="3099" t="s">
        <v>713</v>
      </c>
      <c r="B12" s="3099" t="s">
        <v>38</v>
      </c>
      <c r="C12" s="3099" t="s">
        <v>38</v>
      </c>
      <c r="D12" s="3099" t="s">
        <v>38</v>
      </c>
      <c r="E12" s="3099" t="s">
        <v>38</v>
      </c>
      <c r="F12" s="3099" t="s">
        <v>38</v>
      </c>
      <c r="G12" s="3099" t="s">
        <v>38</v>
      </c>
      <c r="H12" s="3099" t="s">
        <v>38</v>
      </c>
      <c r="I12" s="3099" t="s">
        <v>38</v>
      </c>
      <c r="J12" s="3099" t="s">
        <v>38</v>
      </c>
      <c r="K12" s="3099" t="s">
        <v>38</v>
      </c>
      <c r="L12" s="3099" t="s">
        <v>38</v>
      </c>
    </row>
    <row r="13" spans="1:12" ht="66" customHeight="1" x14ac:dyDescent="0.25">
      <c r="A13" s="3099" t="s">
        <v>714</v>
      </c>
      <c r="B13" s="3099" t="s">
        <v>38</v>
      </c>
      <c r="C13" s="3099" t="s">
        <v>38</v>
      </c>
      <c r="D13" s="3099" t="s">
        <v>38</v>
      </c>
      <c r="E13" s="3099" t="s">
        <v>38</v>
      </c>
      <c r="F13" s="3099" t="s">
        <v>38</v>
      </c>
      <c r="G13" s="3099" t="s">
        <v>38</v>
      </c>
      <c r="H13" s="3099" t="s">
        <v>38</v>
      </c>
      <c r="I13" s="3099" t="s">
        <v>38</v>
      </c>
      <c r="J13" s="3099" t="s">
        <v>38</v>
      </c>
      <c r="K13" s="3099" t="s">
        <v>38</v>
      </c>
      <c r="L13" s="3099" t="s">
        <v>38</v>
      </c>
    </row>
    <row r="14" spans="1:12" ht="105" customHeight="1" x14ac:dyDescent="0.25">
      <c r="A14" s="3099" t="s">
        <v>715</v>
      </c>
      <c r="B14" s="3099" t="s">
        <v>38</v>
      </c>
      <c r="C14" s="3099" t="s">
        <v>38</v>
      </c>
      <c r="D14" s="3099" t="s">
        <v>38</v>
      </c>
      <c r="E14" s="3099" t="s">
        <v>38</v>
      </c>
      <c r="F14" s="3099" t="s">
        <v>38</v>
      </c>
      <c r="G14" s="3099" t="s">
        <v>38</v>
      </c>
      <c r="H14" s="3099" t="s">
        <v>38</v>
      </c>
      <c r="I14" s="3099" t="s">
        <v>38</v>
      </c>
      <c r="J14" s="3099" t="s">
        <v>38</v>
      </c>
      <c r="K14" s="3099" t="s">
        <v>38</v>
      </c>
      <c r="L14" s="3099" t="s">
        <v>38</v>
      </c>
    </row>
    <row r="15" spans="1:12" ht="19.5" customHeight="1" x14ac:dyDescent="0.25">
      <c r="A15" s="3099"/>
      <c r="B15" s="3099" t="s">
        <v>38</v>
      </c>
      <c r="C15" s="3099" t="s">
        <v>38</v>
      </c>
      <c r="D15" s="3099" t="s">
        <v>38</v>
      </c>
      <c r="E15" s="3099" t="s">
        <v>38</v>
      </c>
      <c r="F15" s="3099" t="s">
        <v>38</v>
      </c>
      <c r="G15" s="3099" t="s">
        <v>38</v>
      </c>
      <c r="H15" s="3099" t="s">
        <v>38</v>
      </c>
      <c r="I15" s="3099" t="s">
        <v>38</v>
      </c>
      <c r="J15" s="3099" t="s">
        <v>38</v>
      </c>
      <c r="K15" s="3099" t="s">
        <v>38</v>
      </c>
      <c r="L15" s="3099" t="s">
        <v>38</v>
      </c>
    </row>
  </sheetData>
  <mergeCells count="14">
    <mergeCell ref="A7:L7"/>
    <mergeCell ref="A2:L2"/>
    <mergeCell ref="A3:L3"/>
    <mergeCell ref="A4:L4"/>
    <mergeCell ref="A5:L5"/>
    <mergeCell ref="A6:L6"/>
    <mergeCell ref="A14:L14"/>
    <mergeCell ref="A15:L15"/>
    <mergeCell ref="A8:L8"/>
    <mergeCell ref="A9:L9"/>
    <mergeCell ref="A10:L10"/>
    <mergeCell ref="A11:L11"/>
    <mergeCell ref="A12:L12"/>
    <mergeCell ref="A13:L13"/>
  </mergeCells>
  <hyperlinks>
    <hyperlink ref="A1" location="TDM!A1" display=" Retour à la table des matières" xr:uid="{00000000-0004-0000-0200-000000000000}"/>
  </hyperlinks>
  <printOptions horizontalCentered="1"/>
  <pageMargins left="0.51181102362204722" right="0.51181102362204722" top="0.51181102362204722" bottom="0.51181102362204722" header="0.23622047244094491" footer="0.23622047244094491"/>
  <pageSetup scale="68" orientation="landscape" r:id="rId1"/>
  <headerFooter>
    <oddFooter>&amp;L&amp;G&amp;C&amp;"Scotia,Regular"&amp;9Informations financières supplémentaires (IFS)&amp;R&amp;"Scotia,Regular"&amp;9Notes_1</oddFooter>
  </headerFooter>
  <legacyDrawingHF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F2E88D-6F9E-4349-AA0E-BD1050701610}">
  <sheetPr>
    <pageSetUpPr fitToPage="1"/>
  </sheetPr>
  <dimension ref="A1:L45"/>
  <sheetViews>
    <sheetView showGridLines="0" zoomScaleNormal="100" workbookViewId="0"/>
  </sheetViews>
  <sheetFormatPr defaultColWidth="8.7265625" defaultRowHeight="12.5" x14ac:dyDescent="0.25"/>
  <cols>
    <col min="1" max="1" width="63.1796875" style="25" customWidth="1"/>
    <col min="2" max="12" width="10.7265625" style="25" customWidth="1"/>
    <col min="13" max="16384" width="8.7265625" style="25"/>
  </cols>
  <sheetData>
    <row r="1" spans="1:12" ht="20.149999999999999" customHeight="1" x14ac:dyDescent="0.25">
      <c r="A1" s="24" t="s">
        <v>37</v>
      </c>
    </row>
    <row r="2" spans="1:12" ht="25" customHeight="1" x14ac:dyDescent="0.25">
      <c r="A2" s="3307" t="s">
        <v>500</v>
      </c>
      <c r="B2" s="3307" t="s">
        <v>38</v>
      </c>
      <c r="C2" s="3307" t="s">
        <v>38</v>
      </c>
      <c r="D2" s="3307" t="s">
        <v>38</v>
      </c>
      <c r="E2" s="3307" t="s">
        <v>38</v>
      </c>
      <c r="F2" s="3307" t="s">
        <v>38</v>
      </c>
      <c r="G2" s="3307" t="s">
        <v>38</v>
      </c>
      <c r="H2" s="3307" t="s">
        <v>38</v>
      </c>
      <c r="I2" s="3307" t="s">
        <v>38</v>
      </c>
      <c r="J2" s="3307" t="s">
        <v>38</v>
      </c>
      <c r="K2" s="3307" t="s">
        <v>38</v>
      </c>
      <c r="L2" s="3307" t="s">
        <v>38</v>
      </c>
    </row>
    <row r="3" spans="1:12" ht="15" customHeight="1" x14ac:dyDescent="0.25">
      <c r="A3" s="1213" t="s">
        <v>46</v>
      </c>
      <c r="B3" s="3308" t="s">
        <v>174</v>
      </c>
      <c r="C3" s="3309" t="s">
        <v>38</v>
      </c>
      <c r="D3" s="3310" t="s">
        <v>240</v>
      </c>
      <c r="E3" s="3308" t="s">
        <v>38</v>
      </c>
      <c r="F3" s="3308" t="s">
        <v>38</v>
      </c>
      <c r="G3" s="3311" t="s">
        <v>38</v>
      </c>
      <c r="H3" s="3312" t="s">
        <v>241</v>
      </c>
      <c r="I3" s="3308" t="s">
        <v>38</v>
      </c>
      <c r="J3" s="3311" t="s">
        <v>38</v>
      </c>
      <c r="K3" s="3308" t="s">
        <v>717</v>
      </c>
      <c r="L3" s="3308" t="s">
        <v>38</v>
      </c>
    </row>
    <row r="4" spans="1:12" ht="15" customHeight="1" x14ac:dyDescent="0.25">
      <c r="A4" s="1214"/>
      <c r="B4" s="1215" t="s">
        <v>49</v>
      </c>
      <c r="C4" s="1216" t="s">
        <v>45</v>
      </c>
      <c r="D4" s="1217" t="s">
        <v>569</v>
      </c>
      <c r="E4" s="1218" t="s">
        <v>570</v>
      </c>
      <c r="F4" s="1219" t="s">
        <v>49</v>
      </c>
      <c r="G4" s="1220" t="s">
        <v>45</v>
      </c>
      <c r="H4" s="1221" t="s">
        <v>569</v>
      </c>
      <c r="I4" s="1218" t="s">
        <v>570</v>
      </c>
      <c r="J4" s="1216" t="s">
        <v>49</v>
      </c>
      <c r="K4" s="1219" t="s">
        <v>240</v>
      </c>
      <c r="L4" s="1219">
        <v>2021</v>
      </c>
    </row>
    <row r="5" spans="1:12" ht="15" customHeight="1" x14ac:dyDescent="0.25">
      <c r="A5" s="1222" t="s">
        <v>501</v>
      </c>
      <c r="B5" s="1223"/>
      <c r="C5" s="1224"/>
      <c r="D5" s="1225"/>
      <c r="E5" s="1226"/>
      <c r="F5" s="1226"/>
      <c r="G5" s="1227"/>
      <c r="H5" s="1228"/>
      <c r="I5" s="1226"/>
      <c r="J5" s="2762"/>
      <c r="K5" s="1229"/>
      <c r="L5" s="1229"/>
    </row>
    <row r="6" spans="1:12" ht="15" customHeight="1" x14ac:dyDescent="0.25">
      <c r="A6" s="1230"/>
      <c r="B6" s="1231"/>
      <c r="C6" s="1232"/>
      <c r="D6" s="1233"/>
      <c r="E6" s="1234"/>
      <c r="F6" s="1234"/>
      <c r="G6" s="1235"/>
      <c r="H6" s="1236"/>
      <c r="I6" s="1234"/>
      <c r="J6" s="2763"/>
      <c r="K6" s="1237"/>
      <c r="L6" s="1237"/>
    </row>
    <row r="7" spans="1:12" ht="15" customHeight="1" x14ac:dyDescent="0.25">
      <c r="A7" s="1238" t="s">
        <v>79</v>
      </c>
      <c r="B7" s="2764">
        <v>26</v>
      </c>
      <c r="C7" s="690">
        <v>30</v>
      </c>
      <c r="D7" s="2765">
        <v>23</v>
      </c>
      <c r="E7" s="2766">
        <v>-2</v>
      </c>
      <c r="F7" s="2766">
        <v>3</v>
      </c>
      <c r="G7" s="2767">
        <v>25</v>
      </c>
      <c r="H7" s="2768">
        <v>7</v>
      </c>
      <c r="I7" s="2766">
        <v>20</v>
      </c>
      <c r="J7" s="2769">
        <v>41</v>
      </c>
      <c r="K7" s="2766">
        <v>49</v>
      </c>
      <c r="L7" s="2766">
        <v>117</v>
      </c>
    </row>
    <row r="8" spans="1:12" ht="15" customHeight="1" x14ac:dyDescent="0.25">
      <c r="A8" s="1238" t="s">
        <v>233</v>
      </c>
      <c r="B8" s="2764">
        <v>312</v>
      </c>
      <c r="C8" s="690">
        <v>249</v>
      </c>
      <c r="D8" s="2765">
        <v>200</v>
      </c>
      <c r="E8" s="2766">
        <v>192</v>
      </c>
      <c r="F8" s="2766">
        <v>196</v>
      </c>
      <c r="G8" s="2767">
        <v>178</v>
      </c>
      <c r="H8" s="2768">
        <v>222</v>
      </c>
      <c r="I8" s="2766">
        <v>324</v>
      </c>
      <c r="J8" s="2769">
        <v>496</v>
      </c>
      <c r="K8" s="2766">
        <v>766</v>
      </c>
      <c r="L8" s="2766">
        <v>1429</v>
      </c>
    </row>
    <row r="9" spans="1:12" ht="15" customHeight="1" x14ac:dyDescent="0.25">
      <c r="A9" s="1238" t="s">
        <v>788</v>
      </c>
      <c r="B9" s="2764">
        <v>197</v>
      </c>
      <c r="C9" s="690">
        <v>200</v>
      </c>
      <c r="D9" s="2765">
        <v>170</v>
      </c>
      <c r="E9" s="2766">
        <v>155</v>
      </c>
      <c r="F9" s="2766">
        <v>139</v>
      </c>
      <c r="G9" s="2767">
        <v>137</v>
      </c>
      <c r="H9" s="2768">
        <v>183</v>
      </c>
      <c r="I9" s="2766">
        <v>406</v>
      </c>
      <c r="J9" s="2769">
        <v>551</v>
      </c>
      <c r="K9" s="2766">
        <v>601</v>
      </c>
      <c r="L9" s="2766">
        <v>1361</v>
      </c>
    </row>
    <row r="10" spans="1:12" ht="15" customHeight="1" x14ac:dyDescent="0.25">
      <c r="A10" s="1239" t="s">
        <v>822</v>
      </c>
      <c r="B10" s="2764">
        <v>535</v>
      </c>
      <c r="C10" s="690">
        <v>479</v>
      </c>
      <c r="D10" s="2765">
        <v>393</v>
      </c>
      <c r="E10" s="2766">
        <v>345</v>
      </c>
      <c r="F10" s="2766">
        <v>338</v>
      </c>
      <c r="G10" s="2767">
        <v>340</v>
      </c>
      <c r="H10" s="2768">
        <v>412</v>
      </c>
      <c r="I10" s="2766">
        <v>750</v>
      </c>
      <c r="J10" s="2769">
        <v>1088</v>
      </c>
      <c r="K10" s="2766">
        <v>1416</v>
      </c>
      <c r="L10" s="2766">
        <v>2907</v>
      </c>
    </row>
    <row r="11" spans="1:12" ht="15" customHeight="1" x14ac:dyDescent="0.25">
      <c r="A11" s="1240"/>
      <c r="B11" s="2770"/>
      <c r="C11" s="724"/>
      <c r="D11" s="2771"/>
      <c r="E11" s="2772"/>
      <c r="F11" s="2772"/>
      <c r="G11" s="2773"/>
      <c r="H11" s="2774"/>
      <c r="I11" s="2772"/>
      <c r="J11" s="2775"/>
      <c r="K11" s="2772"/>
      <c r="L11" s="2772"/>
    </row>
    <row r="12" spans="1:12" ht="15" customHeight="1" x14ac:dyDescent="0.25">
      <c r="A12" s="1241" t="s">
        <v>438</v>
      </c>
      <c r="B12" s="2770"/>
      <c r="C12" s="724"/>
      <c r="D12" s="2771"/>
      <c r="E12" s="2772"/>
      <c r="F12" s="2772"/>
      <c r="G12" s="2773"/>
      <c r="H12" s="2774"/>
      <c r="I12" s="2772"/>
      <c r="J12" s="2775"/>
      <c r="K12" s="2772"/>
      <c r="L12" s="2772"/>
    </row>
    <row r="13" spans="1:12" ht="15" customHeight="1" x14ac:dyDescent="0.25">
      <c r="A13" s="1238" t="s">
        <v>439</v>
      </c>
      <c r="B13" s="2764">
        <v>16</v>
      </c>
      <c r="C13" s="690">
        <v>21</v>
      </c>
      <c r="D13" s="2765">
        <v>15</v>
      </c>
      <c r="E13" s="2766">
        <v>3</v>
      </c>
      <c r="F13" s="2766">
        <v>2</v>
      </c>
      <c r="G13" s="2767">
        <v>0</v>
      </c>
      <c r="H13" s="2768">
        <v>1</v>
      </c>
      <c r="I13" s="2766">
        <v>1</v>
      </c>
      <c r="J13" s="2769">
        <v>0</v>
      </c>
      <c r="K13" s="2766">
        <v>20</v>
      </c>
      <c r="L13" s="2766">
        <v>2</v>
      </c>
    </row>
    <row r="14" spans="1:12" ht="15" customHeight="1" x14ac:dyDescent="0.25">
      <c r="A14" s="1238" t="s">
        <v>484</v>
      </c>
      <c r="B14" s="2764">
        <v>0</v>
      </c>
      <c r="C14" s="690" t="s">
        <v>485</v>
      </c>
      <c r="D14" s="2765">
        <v>0</v>
      </c>
      <c r="E14" s="2766">
        <v>0</v>
      </c>
      <c r="F14" s="2766">
        <v>0</v>
      </c>
      <c r="G14" s="2767">
        <v>0</v>
      </c>
      <c r="H14" s="2768">
        <v>0</v>
      </c>
      <c r="I14" s="2766">
        <v>0</v>
      </c>
      <c r="J14" s="2769">
        <v>0</v>
      </c>
      <c r="K14" s="2766">
        <v>0</v>
      </c>
      <c r="L14" s="2766">
        <v>0</v>
      </c>
    </row>
    <row r="15" spans="1:12" ht="15" customHeight="1" x14ac:dyDescent="0.25">
      <c r="A15" s="1241" t="s">
        <v>425</v>
      </c>
      <c r="B15" s="2764">
        <v>24</v>
      </c>
      <c r="C15" s="690">
        <v>15</v>
      </c>
      <c r="D15" s="2765">
        <v>24</v>
      </c>
      <c r="E15" s="2766">
        <v>-29</v>
      </c>
      <c r="F15" s="2766">
        <v>9</v>
      </c>
      <c r="G15" s="2767">
        <v>18</v>
      </c>
      <c r="H15" s="2768">
        <v>23</v>
      </c>
      <c r="I15" s="2766">
        <v>22</v>
      </c>
      <c r="J15" s="2769">
        <v>53</v>
      </c>
      <c r="K15" s="2766">
        <v>22</v>
      </c>
      <c r="L15" s="2766">
        <v>126</v>
      </c>
    </row>
    <row r="16" spans="1:12" ht="15" customHeight="1" x14ac:dyDescent="0.25">
      <c r="A16" s="1241" t="s">
        <v>420</v>
      </c>
      <c r="B16" s="2764">
        <v>17</v>
      </c>
      <c r="C16" s="690">
        <v>12</v>
      </c>
      <c r="D16" s="2765">
        <v>30</v>
      </c>
      <c r="E16" s="2766">
        <v>28</v>
      </c>
      <c r="F16" s="2766">
        <v>15</v>
      </c>
      <c r="G16" s="2767">
        <v>11</v>
      </c>
      <c r="H16" s="2768">
        <v>17</v>
      </c>
      <c r="I16" s="2766">
        <v>8</v>
      </c>
      <c r="J16" s="2769">
        <v>13</v>
      </c>
      <c r="K16" s="2766">
        <v>84</v>
      </c>
      <c r="L16" s="2766">
        <v>51</v>
      </c>
    </row>
    <row r="17" spans="1:12" ht="15" customHeight="1" x14ac:dyDescent="0.25">
      <c r="A17" s="1241" t="s">
        <v>419</v>
      </c>
      <c r="B17" s="2764">
        <v>-2</v>
      </c>
      <c r="C17" s="690" t="s">
        <v>485</v>
      </c>
      <c r="D17" s="2765">
        <v>-2</v>
      </c>
      <c r="E17" s="2766">
        <v>-30</v>
      </c>
      <c r="F17" s="2766">
        <v>0</v>
      </c>
      <c r="G17" s="2767">
        <v>3</v>
      </c>
      <c r="H17" s="2768">
        <v>-2</v>
      </c>
      <c r="I17" s="2766">
        <v>2</v>
      </c>
      <c r="J17" s="2769">
        <v>6</v>
      </c>
      <c r="K17" s="2766">
        <v>-29</v>
      </c>
      <c r="L17" s="2766">
        <v>15</v>
      </c>
    </row>
    <row r="18" spans="1:12" ht="15" customHeight="1" x14ac:dyDescent="0.25">
      <c r="A18" s="1241" t="s">
        <v>418</v>
      </c>
      <c r="B18" s="2764">
        <v>1</v>
      </c>
      <c r="C18" s="690">
        <v>5</v>
      </c>
      <c r="D18" s="2765">
        <v>0</v>
      </c>
      <c r="E18" s="2766">
        <v>12</v>
      </c>
      <c r="F18" s="2766">
        <v>8</v>
      </c>
      <c r="G18" s="2767">
        <v>3</v>
      </c>
      <c r="H18" s="2768">
        <v>-1</v>
      </c>
      <c r="I18" s="2766">
        <v>5</v>
      </c>
      <c r="J18" s="2769">
        <v>5</v>
      </c>
      <c r="K18" s="2766">
        <v>23</v>
      </c>
      <c r="L18" s="2766">
        <v>25</v>
      </c>
    </row>
    <row r="19" spans="1:12" ht="15" customHeight="1" x14ac:dyDescent="0.25">
      <c r="A19" s="1241" t="s">
        <v>417</v>
      </c>
      <c r="B19" s="2764">
        <v>1</v>
      </c>
      <c r="C19" s="690" t="s">
        <v>485</v>
      </c>
      <c r="D19" s="2765">
        <v>-1</v>
      </c>
      <c r="E19" s="2766">
        <v>-2</v>
      </c>
      <c r="F19" s="2766">
        <v>0</v>
      </c>
      <c r="G19" s="2767">
        <v>0</v>
      </c>
      <c r="H19" s="2768">
        <v>0</v>
      </c>
      <c r="I19" s="2766">
        <v>1</v>
      </c>
      <c r="J19" s="2769">
        <v>1</v>
      </c>
      <c r="K19" s="2766">
        <v>-3</v>
      </c>
      <c r="L19" s="2766">
        <v>1</v>
      </c>
    </row>
    <row r="20" spans="1:12" ht="15" customHeight="1" x14ac:dyDescent="0.25">
      <c r="A20" s="1241" t="s">
        <v>422</v>
      </c>
      <c r="B20" s="2764">
        <v>-1</v>
      </c>
      <c r="C20" s="690">
        <v>8</v>
      </c>
      <c r="D20" s="2765">
        <v>3</v>
      </c>
      <c r="E20" s="2766">
        <v>17</v>
      </c>
      <c r="F20" s="2766">
        <v>5</v>
      </c>
      <c r="G20" s="2767">
        <v>12</v>
      </c>
      <c r="H20" s="2768">
        <v>7</v>
      </c>
      <c r="I20" s="2766">
        <v>2</v>
      </c>
      <c r="J20" s="2769">
        <v>4</v>
      </c>
      <c r="K20" s="2766">
        <v>37</v>
      </c>
      <c r="L20" s="2766">
        <v>24</v>
      </c>
    </row>
    <row r="21" spans="1:12" ht="15" customHeight="1" x14ac:dyDescent="0.25">
      <c r="A21" s="1241" t="s">
        <v>421</v>
      </c>
      <c r="B21" s="2764">
        <v>0</v>
      </c>
      <c r="C21" s="690">
        <v>1</v>
      </c>
      <c r="D21" s="2765">
        <v>1</v>
      </c>
      <c r="E21" s="2766">
        <v>5</v>
      </c>
      <c r="F21" s="2766">
        <v>4</v>
      </c>
      <c r="G21" s="2767">
        <v>3</v>
      </c>
      <c r="H21" s="2768">
        <v>2</v>
      </c>
      <c r="I21" s="2766">
        <v>1</v>
      </c>
      <c r="J21" s="2769">
        <v>2</v>
      </c>
      <c r="K21" s="2766">
        <v>13</v>
      </c>
      <c r="L21" s="2766">
        <v>7</v>
      </c>
    </row>
    <row r="22" spans="1:12" ht="15" customHeight="1" x14ac:dyDescent="0.25">
      <c r="A22" s="1241" t="s">
        <v>236</v>
      </c>
      <c r="B22" s="2764">
        <v>1</v>
      </c>
      <c r="C22" s="690" t="s">
        <v>485</v>
      </c>
      <c r="D22" s="2765">
        <v>10</v>
      </c>
      <c r="E22" s="2766">
        <v>2</v>
      </c>
      <c r="F22" s="2766">
        <v>0</v>
      </c>
      <c r="G22" s="2767">
        <v>0</v>
      </c>
      <c r="H22" s="2768">
        <v>0</v>
      </c>
      <c r="I22" s="2766">
        <v>0</v>
      </c>
      <c r="J22" s="2769">
        <v>0</v>
      </c>
      <c r="K22" s="2766">
        <v>12</v>
      </c>
      <c r="L22" s="2766">
        <v>0</v>
      </c>
    </row>
    <row r="23" spans="1:12" ht="15" customHeight="1" x14ac:dyDescent="0.25">
      <c r="A23" s="1241" t="s">
        <v>235</v>
      </c>
      <c r="B23" s="2764">
        <v>6</v>
      </c>
      <c r="C23" s="690">
        <v>2</v>
      </c>
      <c r="D23" s="2765">
        <v>-2</v>
      </c>
      <c r="E23" s="2766">
        <v>1</v>
      </c>
      <c r="F23" s="2766">
        <v>1</v>
      </c>
      <c r="G23" s="2767">
        <v>-6</v>
      </c>
      <c r="H23" s="2768">
        <v>7</v>
      </c>
      <c r="I23" s="2766">
        <v>23</v>
      </c>
      <c r="J23" s="2769">
        <v>1</v>
      </c>
      <c r="K23" s="2766">
        <v>-6</v>
      </c>
      <c r="L23" s="2766">
        <v>31</v>
      </c>
    </row>
    <row r="24" spans="1:12" ht="15" customHeight="1" x14ac:dyDescent="0.25">
      <c r="A24" s="1241" t="s">
        <v>362</v>
      </c>
      <c r="B24" s="2764">
        <v>0</v>
      </c>
      <c r="C24" s="690" t="s">
        <v>485</v>
      </c>
      <c r="D24" s="2765">
        <v>11</v>
      </c>
      <c r="E24" s="2766">
        <v>12</v>
      </c>
      <c r="F24" s="2766">
        <v>8</v>
      </c>
      <c r="G24" s="2767">
        <v>3</v>
      </c>
      <c r="H24" s="2768">
        <v>1</v>
      </c>
      <c r="I24" s="2766">
        <v>1</v>
      </c>
      <c r="J24" s="2769">
        <v>2</v>
      </c>
      <c r="K24" s="2766">
        <v>34</v>
      </c>
      <c r="L24" s="2766">
        <v>6</v>
      </c>
    </row>
    <row r="25" spans="1:12" ht="15" customHeight="1" x14ac:dyDescent="0.25">
      <c r="A25" s="1241" t="s">
        <v>386</v>
      </c>
      <c r="B25" s="2764">
        <v>2</v>
      </c>
      <c r="C25" s="690">
        <v>3</v>
      </c>
      <c r="D25" s="2765">
        <v>2</v>
      </c>
      <c r="E25" s="2766">
        <v>2</v>
      </c>
      <c r="F25" s="2766">
        <v>1</v>
      </c>
      <c r="G25" s="2767">
        <v>2</v>
      </c>
      <c r="H25" s="2768">
        <v>4</v>
      </c>
      <c r="I25" s="2766">
        <v>2</v>
      </c>
      <c r="J25" s="2769">
        <v>1</v>
      </c>
      <c r="K25" s="2766">
        <v>7</v>
      </c>
      <c r="L25" s="2766">
        <v>10</v>
      </c>
    </row>
    <row r="26" spans="1:12" ht="15" customHeight="1" x14ac:dyDescent="0.25">
      <c r="A26" s="1241" t="s">
        <v>341</v>
      </c>
      <c r="B26" s="2764">
        <v>0</v>
      </c>
      <c r="C26" s="690">
        <v>1</v>
      </c>
      <c r="D26" s="2765">
        <v>2</v>
      </c>
      <c r="E26" s="2766">
        <v>6</v>
      </c>
      <c r="F26" s="2766">
        <v>6</v>
      </c>
      <c r="G26" s="2767">
        <v>1</v>
      </c>
      <c r="H26" s="2768">
        <v>13</v>
      </c>
      <c r="I26" s="2766">
        <v>0</v>
      </c>
      <c r="J26" s="2769">
        <v>2</v>
      </c>
      <c r="K26" s="2766">
        <v>15</v>
      </c>
      <c r="L26" s="2766">
        <v>17</v>
      </c>
    </row>
    <row r="27" spans="1:12" ht="15" customHeight="1" x14ac:dyDescent="0.25">
      <c r="A27" s="1241" t="s">
        <v>381</v>
      </c>
      <c r="B27" s="2764">
        <v>5</v>
      </c>
      <c r="C27" s="690">
        <v>8</v>
      </c>
      <c r="D27" s="2765">
        <v>2</v>
      </c>
      <c r="E27" s="2766">
        <v>8</v>
      </c>
      <c r="F27" s="2766">
        <v>0</v>
      </c>
      <c r="G27" s="2767">
        <v>0</v>
      </c>
      <c r="H27" s="2768">
        <v>1</v>
      </c>
      <c r="I27" s="2766">
        <v>0</v>
      </c>
      <c r="J27" s="2769">
        <v>0</v>
      </c>
      <c r="K27" s="2766">
        <v>10</v>
      </c>
      <c r="L27" s="2766">
        <v>1</v>
      </c>
    </row>
    <row r="28" spans="1:12" ht="15" customHeight="1" x14ac:dyDescent="0.25">
      <c r="A28" s="1241" t="s">
        <v>370</v>
      </c>
      <c r="B28" s="2764">
        <v>7</v>
      </c>
      <c r="C28" s="690">
        <v>3</v>
      </c>
      <c r="D28" s="2765">
        <v>3</v>
      </c>
      <c r="E28" s="2766">
        <v>7</v>
      </c>
      <c r="F28" s="2766">
        <v>2</v>
      </c>
      <c r="G28" s="2767">
        <v>1</v>
      </c>
      <c r="H28" s="2768">
        <v>1</v>
      </c>
      <c r="I28" s="2766">
        <v>4</v>
      </c>
      <c r="J28" s="2769">
        <v>7</v>
      </c>
      <c r="K28" s="2766">
        <v>13</v>
      </c>
      <c r="L28" s="2766">
        <v>19</v>
      </c>
    </row>
    <row r="29" spans="1:12" ht="15" customHeight="1" x14ac:dyDescent="0.25">
      <c r="A29" s="1241" t="s">
        <v>368</v>
      </c>
      <c r="B29" s="2764">
        <v>2</v>
      </c>
      <c r="C29" s="690">
        <v>1</v>
      </c>
      <c r="D29" s="2765">
        <v>1</v>
      </c>
      <c r="E29" s="2766">
        <v>3</v>
      </c>
      <c r="F29" s="2766">
        <v>0</v>
      </c>
      <c r="G29" s="2767">
        <v>10</v>
      </c>
      <c r="H29" s="2768">
        <v>16</v>
      </c>
      <c r="I29" s="2766">
        <v>11</v>
      </c>
      <c r="J29" s="2769">
        <v>1</v>
      </c>
      <c r="K29" s="2766">
        <v>14</v>
      </c>
      <c r="L29" s="2766">
        <v>28</v>
      </c>
    </row>
    <row r="30" spans="1:12" ht="15" customHeight="1" x14ac:dyDescent="0.25">
      <c r="A30" s="1241" t="s">
        <v>572</v>
      </c>
      <c r="B30" s="2764">
        <v>5</v>
      </c>
      <c r="C30" s="690">
        <v>4</v>
      </c>
      <c r="D30" s="2765">
        <v>2</v>
      </c>
      <c r="E30" s="2766">
        <v>-2</v>
      </c>
      <c r="F30" s="2766">
        <v>5</v>
      </c>
      <c r="G30" s="2767">
        <v>3</v>
      </c>
      <c r="H30" s="2768">
        <v>9</v>
      </c>
      <c r="I30" s="2766">
        <v>7</v>
      </c>
      <c r="J30" s="2769">
        <v>6</v>
      </c>
      <c r="K30" s="2766">
        <v>8</v>
      </c>
      <c r="L30" s="2766">
        <v>35</v>
      </c>
    </row>
    <row r="31" spans="1:12" ht="15" customHeight="1" x14ac:dyDescent="0.25">
      <c r="A31" s="1241" t="s">
        <v>483</v>
      </c>
      <c r="B31" s="2764">
        <v>2</v>
      </c>
      <c r="C31" s="690">
        <v>-1</v>
      </c>
      <c r="D31" s="2765">
        <v>0</v>
      </c>
      <c r="E31" s="2766">
        <v>1</v>
      </c>
      <c r="F31" s="2766">
        <v>2</v>
      </c>
      <c r="G31" s="2767">
        <v>1</v>
      </c>
      <c r="H31" s="2768">
        <v>0</v>
      </c>
      <c r="I31" s="2766">
        <v>1</v>
      </c>
      <c r="J31" s="2769">
        <v>0</v>
      </c>
      <c r="K31" s="2766">
        <v>4</v>
      </c>
      <c r="L31" s="2766">
        <v>1</v>
      </c>
    </row>
    <row r="32" spans="1:12" ht="15" customHeight="1" x14ac:dyDescent="0.25">
      <c r="A32" s="1242" t="s">
        <v>344</v>
      </c>
      <c r="B32" s="2776">
        <v>86</v>
      </c>
      <c r="C32" s="701">
        <v>83</v>
      </c>
      <c r="D32" s="2777">
        <v>101</v>
      </c>
      <c r="E32" s="2778">
        <v>44</v>
      </c>
      <c r="F32" s="2778">
        <v>68</v>
      </c>
      <c r="G32" s="2779">
        <v>65</v>
      </c>
      <c r="H32" s="2780">
        <v>99</v>
      </c>
      <c r="I32" s="2778">
        <v>91</v>
      </c>
      <c r="J32" s="2781">
        <v>104</v>
      </c>
      <c r="K32" s="2782">
        <v>278</v>
      </c>
      <c r="L32" s="2782">
        <v>399</v>
      </c>
    </row>
    <row r="33" spans="1:12" ht="15" customHeight="1" x14ac:dyDescent="0.25">
      <c r="A33" s="1243" t="s">
        <v>502</v>
      </c>
      <c r="B33" s="2783">
        <v>621</v>
      </c>
      <c r="C33" s="1244">
        <v>562</v>
      </c>
      <c r="D33" s="2784">
        <v>494</v>
      </c>
      <c r="E33" s="2785">
        <v>389</v>
      </c>
      <c r="F33" s="2785">
        <v>406</v>
      </c>
      <c r="G33" s="2786">
        <v>405</v>
      </c>
      <c r="H33" s="2787">
        <v>511</v>
      </c>
      <c r="I33" s="2785">
        <v>841</v>
      </c>
      <c r="J33" s="2788">
        <v>1192</v>
      </c>
      <c r="K33" s="2785">
        <v>1694</v>
      </c>
      <c r="L33" s="2785">
        <v>3306</v>
      </c>
    </row>
    <row r="34" spans="1:12" ht="15" customHeight="1" x14ac:dyDescent="0.25">
      <c r="A34" s="1245"/>
      <c r="B34" s="1246"/>
      <c r="C34" s="1247"/>
      <c r="D34" s="1248"/>
      <c r="E34" s="1249"/>
      <c r="F34" s="1249"/>
      <c r="G34" s="1247"/>
      <c r="H34" s="1248"/>
      <c r="I34" s="1249"/>
      <c r="J34" s="1247"/>
      <c r="K34" s="1249"/>
      <c r="L34" s="1249"/>
    </row>
    <row r="35" spans="1:12" ht="15" customHeight="1" x14ac:dyDescent="0.25">
      <c r="A35" s="1222" t="s">
        <v>666</v>
      </c>
      <c r="B35" s="2789"/>
      <c r="C35" s="1247"/>
      <c r="D35" s="2790"/>
      <c r="E35" s="2791"/>
      <c r="F35" s="2791"/>
      <c r="G35" s="2792"/>
      <c r="H35" s="2793"/>
      <c r="I35" s="2791"/>
      <c r="J35" s="2794"/>
      <c r="K35" s="2791"/>
      <c r="L35" s="2791"/>
    </row>
    <row r="36" spans="1:12" ht="15" customHeight="1" x14ac:dyDescent="0.25">
      <c r="A36" s="1250" t="s">
        <v>838</v>
      </c>
      <c r="B36" s="2795">
        <v>3</v>
      </c>
      <c r="C36" s="690">
        <v>19</v>
      </c>
      <c r="D36" s="2765">
        <v>21</v>
      </c>
      <c r="E36" s="2766">
        <v>-16</v>
      </c>
      <c r="F36" s="2766">
        <v>-122</v>
      </c>
      <c r="G36" s="2767">
        <v>-130</v>
      </c>
      <c r="H36" s="2768">
        <v>-177</v>
      </c>
      <c r="I36" s="2766">
        <v>-360</v>
      </c>
      <c r="J36" s="2769">
        <v>-575</v>
      </c>
      <c r="K36" s="2766">
        <v>-247</v>
      </c>
      <c r="L36" s="2766">
        <v>-1116</v>
      </c>
    </row>
    <row r="37" spans="1:12" ht="15" customHeight="1" x14ac:dyDescent="0.25">
      <c r="A37" s="1250" t="s">
        <v>503</v>
      </c>
      <c r="B37" s="2764">
        <v>85</v>
      </c>
      <c r="C37" s="690">
        <v>57</v>
      </c>
      <c r="D37" s="2765">
        <v>14</v>
      </c>
      <c r="E37" s="2766">
        <v>39</v>
      </c>
      <c r="F37" s="2766">
        <v>-65</v>
      </c>
      <c r="G37" s="2767">
        <v>-53</v>
      </c>
      <c r="H37" s="2768">
        <v>-166</v>
      </c>
      <c r="I37" s="2766">
        <v>-101</v>
      </c>
      <c r="J37" s="2769">
        <v>-121</v>
      </c>
      <c r="K37" s="2766">
        <v>-65</v>
      </c>
      <c r="L37" s="2766">
        <v>-382</v>
      </c>
    </row>
    <row r="38" spans="1:12" ht="15" customHeight="1" x14ac:dyDescent="0.25">
      <c r="A38" s="1251" t="s">
        <v>665</v>
      </c>
      <c r="B38" s="2764">
        <v>88</v>
      </c>
      <c r="C38" s="690">
        <v>76</v>
      </c>
      <c r="D38" s="2765">
        <v>35</v>
      </c>
      <c r="E38" s="2766">
        <v>23</v>
      </c>
      <c r="F38" s="2766">
        <v>-187</v>
      </c>
      <c r="G38" s="2767">
        <v>-183</v>
      </c>
      <c r="H38" s="2768">
        <v>-343</v>
      </c>
      <c r="I38" s="2766">
        <v>-461</v>
      </c>
      <c r="J38" s="2769">
        <v>-696</v>
      </c>
      <c r="K38" s="2766">
        <v>-312</v>
      </c>
      <c r="L38" s="2766">
        <v>-1498</v>
      </c>
    </row>
    <row r="39" spans="1:12" ht="15" customHeight="1" x14ac:dyDescent="0.25">
      <c r="A39" s="1252"/>
      <c r="B39" s="2796"/>
      <c r="C39" s="731"/>
      <c r="D39" s="2797"/>
      <c r="E39" s="2798"/>
      <c r="F39" s="2798"/>
      <c r="G39" s="2799"/>
      <c r="H39" s="2800"/>
      <c r="I39" s="2798"/>
      <c r="J39" s="2801"/>
      <c r="K39" s="2798"/>
      <c r="L39" s="2798"/>
    </row>
    <row r="40" spans="1:12" ht="15" customHeight="1" x14ac:dyDescent="0.25">
      <c r="A40" s="1253" t="s">
        <v>415</v>
      </c>
      <c r="B40" s="2802">
        <v>709</v>
      </c>
      <c r="C40" s="1244">
        <v>638</v>
      </c>
      <c r="D40" s="2803">
        <v>529</v>
      </c>
      <c r="E40" s="2804">
        <v>412</v>
      </c>
      <c r="F40" s="2804">
        <v>219</v>
      </c>
      <c r="G40" s="2805">
        <v>222</v>
      </c>
      <c r="H40" s="2806">
        <v>168</v>
      </c>
      <c r="I40" s="2804">
        <v>380</v>
      </c>
      <c r="J40" s="2807">
        <v>496</v>
      </c>
      <c r="K40" s="2804">
        <v>1382</v>
      </c>
      <c r="L40" s="2804">
        <v>1808</v>
      </c>
    </row>
    <row r="41" spans="1:12" ht="15" customHeight="1" x14ac:dyDescent="0.25">
      <c r="A41" s="1254"/>
      <c r="B41" s="1255"/>
      <c r="C41" s="1255"/>
      <c r="D41" s="1255"/>
      <c r="E41" s="1256"/>
      <c r="F41" s="1256"/>
      <c r="G41" s="1256"/>
      <c r="H41" s="1256"/>
      <c r="I41" s="1256"/>
      <c r="J41" s="1256"/>
      <c r="K41" s="1257"/>
      <c r="L41" s="1257"/>
    </row>
    <row r="42" spans="1:12" ht="14.5" customHeight="1" x14ac:dyDescent="0.25">
      <c r="A42" s="3205" t="s">
        <v>504</v>
      </c>
      <c r="B42" s="3205" t="s">
        <v>38</v>
      </c>
      <c r="C42" s="3205" t="s">
        <v>38</v>
      </c>
      <c r="D42" s="3205" t="s">
        <v>38</v>
      </c>
      <c r="E42" s="3205" t="s">
        <v>38</v>
      </c>
      <c r="F42" s="3205" t="s">
        <v>38</v>
      </c>
      <c r="G42" s="3205" t="s">
        <v>38</v>
      </c>
      <c r="H42" s="3205" t="s">
        <v>38</v>
      </c>
      <c r="I42" s="3205" t="s">
        <v>38</v>
      </c>
      <c r="J42" s="3205" t="s">
        <v>38</v>
      </c>
      <c r="K42" s="3205" t="s">
        <v>38</v>
      </c>
      <c r="L42" s="3205" t="s">
        <v>38</v>
      </c>
    </row>
    <row r="43" spans="1:12" ht="10" customHeight="1" x14ac:dyDescent="0.25">
      <c r="A43" s="3306"/>
      <c r="B43" s="3306" t="s">
        <v>38</v>
      </c>
      <c r="C43" s="3306" t="s">
        <v>38</v>
      </c>
      <c r="D43" s="3306" t="s">
        <v>38</v>
      </c>
      <c r="E43" s="3306" t="s">
        <v>38</v>
      </c>
      <c r="F43" s="3306" t="s">
        <v>38</v>
      </c>
      <c r="G43" s="3306" t="s">
        <v>38</v>
      </c>
      <c r="H43" s="3306" t="s">
        <v>38</v>
      </c>
      <c r="I43" s="3306" t="s">
        <v>38</v>
      </c>
      <c r="J43" s="3306" t="s">
        <v>38</v>
      </c>
      <c r="K43" s="3306" t="s">
        <v>38</v>
      </c>
      <c r="L43" s="3306" t="s">
        <v>38</v>
      </c>
    </row>
    <row r="44" spans="1:12" ht="10" customHeight="1" x14ac:dyDescent="0.25">
      <c r="A44" s="3306"/>
      <c r="B44" s="3306" t="s">
        <v>38</v>
      </c>
      <c r="C44" s="3306" t="s">
        <v>38</v>
      </c>
      <c r="D44" s="3306" t="s">
        <v>38</v>
      </c>
      <c r="E44" s="3306" t="s">
        <v>38</v>
      </c>
      <c r="F44" s="3306" t="s">
        <v>38</v>
      </c>
      <c r="G44" s="3306" t="s">
        <v>38</v>
      </c>
      <c r="H44" s="3306" t="s">
        <v>38</v>
      </c>
      <c r="I44" s="3306" t="s">
        <v>38</v>
      </c>
      <c r="J44" s="3306" t="s">
        <v>38</v>
      </c>
      <c r="K44" s="3306" t="s">
        <v>38</v>
      </c>
      <c r="L44" s="1258"/>
    </row>
    <row r="45" spans="1:12" ht="10" customHeight="1" x14ac:dyDescent="0.25">
      <c r="A45" s="1259"/>
      <c r="B45" s="1260"/>
      <c r="C45" s="1260"/>
      <c r="D45" s="1260"/>
      <c r="E45" s="1260"/>
      <c r="F45" s="1260"/>
      <c r="G45" s="1260"/>
      <c r="H45" s="1260"/>
      <c r="I45" s="1260"/>
      <c r="J45" s="1260"/>
      <c r="K45" s="1260"/>
      <c r="L45" s="1260"/>
    </row>
  </sheetData>
  <mergeCells count="8">
    <mergeCell ref="A43:L43"/>
    <mergeCell ref="A44:K44"/>
    <mergeCell ref="A2:L2"/>
    <mergeCell ref="B3:C3"/>
    <mergeCell ref="D3:G3"/>
    <mergeCell ref="H3:J3"/>
    <mergeCell ref="K3:L3"/>
    <mergeCell ref="A42:L42"/>
  </mergeCells>
  <hyperlinks>
    <hyperlink ref="A1" location="TDM!A1" display="Retour à la table des matières" xr:uid="{00000000-0004-0000-1D00-000000000000}"/>
  </hyperlinks>
  <printOptions horizontalCentered="1"/>
  <pageMargins left="0.51181102362204722" right="0.51181102362204722" top="0.51181102362204722" bottom="0.51181102362204722" header="0.23622047244094491" footer="0.23622047244094491"/>
  <pageSetup scale="70" orientation="landscape" r:id="rId1"/>
  <headerFooter>
    <oddFooter>&amp;L&amp;G&amp;C&amp;"Scotia,Regular"&amp;9Informations financières supplémentaires (IFS)&amp;R&amp;"Scotia,Regular"&amp;9&amp;A</oddFooter>
  </headerFooter>
  <legacyDrawingHF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09FA4B7-CC27-48CC-A886-E901A9C61242}">
  <sheetPr>
    <pageSetUpPr fitToPage="1"/>
  </sheetPr>
  <dimension ref="A1:J34"/>
  <sheetViews>
    <sheetView showGridLines="0" zoomScaleNormal="100" workbookViewId="0"/>
  </sheetViews>
  <sheetFormatPr defaultColWidth="8.7265625" defaultRowHeight="12.5" x14ac:dyDescent="0.25"/>
  <cols>
    <col min="1" max="1" width="30.7265625" style="25" customWidth="1"/>
    <col min="2" max="4" width="17.7265625" style="25" customWidth="1"/>
    <col min="5" max="5" width="21" style="25" customWidth="1"/>
    <col min="6" max="10" width="17.7265625" style="25" customWidth="1"/>
    <col min="11" max="16384" width="8.7265625" style="25"/>
  </cols>
  <sheetData>
    <row r="1" spans="1:10" ht="20.149999999999999" customHeight="1" x14ac:dyDescent="0.25">
      <c r="A1" s="24" t="s">
        <v>37</v>
      </c>
    </row>
    <row r="2" spans="1:10" ht="25" customHeight="1" x14ac:dyDescent="0.25">
      <c r="A2" s="3313" t="s">
        <v>839</v>
      </c>
      <c r="B2" s="3313" t="s">
        <v>38</v>
      </c>
      <c r="C2" s="3313" t="s">
        <v>38</v>
      </c>
      <c r="D2" s="3313" t="s">
        <v>38</v>
      </c>
      <c r="E2" s="3313" t="s">
        <v>38</v>
      </c>
      <c r="F2" s="3313" t="s">
        <v>38</v>
      </c>
      <c r="G2" s="3313" t="s">
        <v>38</v>
      </c>
      <c r="H2" s="3313" t="s">
        <v>38</v>
      </c>
      <c r="I2" s="3313" t="s">
        <v>38</v>
      </c>
      <c r="J2" s="3313" t="s">
        <v>38</v>
      </c>
    </row>
    <row r="3" spans="1:10" ht="29" x14ac:dyDescent="0.35">
      <c r="A3" s="1499" t="s">
        <v>505</v>
      </c>
      <c r="B3" s="1261" t="s">
        <v>246</v>
      </c>
      <c r="C3" s="1262" t="s">
        <v>506</v>
      </c>
      <c r="D3" s="1262" t="s">
        <v>507</v>
      </c>
      <c r="E3" s="1500" t="s">
        <v>508</v>
      </c>
      <c r="F3" s="1500" t="s">
        <v>509</v>
      </c>
      <c r="G3" s="1263" t="s">
        <v>572</v>
      </c>
      <c r="H3" s="1264" t="s">
        <v>44</v>
      </c>
      <c r="I3" s="1265" t="s">
        <v>61</v>
      </c>
      <c r="J3" s="1266" t="s">
        <v>60</v>
      </c>
    </row>
    <row r="4" spans="1:10" ht="33" customHeight="1" x14ac:dyDescent="0.25">
      <c r="A4" s="1267" t="s">
        <v>69</v>
      </c>
      <c r="B4" s="1268"/>
      <c r="C4" s="1269"/>
      <c r="D4" s="1270" t="s">
        <v>510</v>
      </c>
      <c r="E4" s="1271" t="s">
        <v>511</v>
      </c>
      <c r="F4" s="1271" t="s">
        <v>512</v>
      </c>
      <c r="G4" s="1272"/>
      <c r="H4" s="1273" t="s">
        <v>253</v>
      </c>
      <c r="I4" s="1274" t="s">
        <v>253</v>
      </c>
      <c r="J4" s="1275" t="s">
        <v>253</v>
      </c>
    </row>
    <row r="5" spans="1:10" ht="20.149999999999999" customHeight="1" x14ac:dyDescent="0.25">
      <c r="A5" s="1276" t="s">
        <v>302</v>
      </c>
      <c r="B5" s="1277"/>
      <c r="C5" s="1278"/>
      <c r="D5" s="1279"/>
      <c r="E5" s="1279"/>
      <c r="F5" s="1279"/>
      <c r="G5" s="1280"/>
      <c r="H5" s="1281"/>
      <c r="I5" s="1282"/>
      <c r="J5" s="1006"/>
    </row>
    <row r="6" spans="1:10" ht="20.149999999999999" customHeight="1" x14ac:dyDescent="0.25">
      <c r="A6" s="944" t="s">
        <v>513</v>
      </c>
      <c r="B6" s="1283">
        <v>1337</v>
      </c>
      <c r="C6" s="919">
        <v>153</v>
      </c>
      <c r="D6" s="2808">
        <v>419</v>
      </c>
      <c r="E6" s="2808">
        <v>1099</v>
      </c>
      <c r="F6" s="2808">
        <v>90</v>
      </c>
      <c r="G6" s="2809">
        <v>9</v>
      </c>
      <c r="H6" s="2810">
        <v>3107</v>
      </c>
      <c r="I6" s="2811">
        <v>2610</v>
      </c>
      <c r="J6" s="2812">
        <v>3346</v>
      </c>
    </row>
    <row r="7" spans="1:10" ht="20.149999999999999" customHeight="1" x14ac:dyDescent="0.25">
      <c r="A7" s="1284" t="s">
        <v>514</v>
      </c>
      <c r="B7" s="2813">
        <v>904</v>
      </c>
      <c r="C7" s="2814">
        <v>6</v>
      </c>
      <c r="D7" s="2815">
        <v>0</v>
      </c>
      <c r="E7" s="2815">
        <v>0</v>
      </c>
      <c r="F7" s="2815">
        <v>0</v>
      </c>
      <c r="G7" s="2816">
        <v>0</v>
      </c>
      <c r="H7" s="2817">
        <v>910</v>
      </c>
      <c r="I7" s="2818">
        <v>905</v>
      </c>
      <c r="J7" s="2819">
        <v>1360</v>
      </c>
    </row>
    <row r="8" spans="1:10" ht="20.149999999999999" customHeight="1" x14ac:dyDescent="0.25">
      <c r="A8" s="1284" t="s">
        <v>515</v>
      </c>
      <c r="B8" s="2813">
        <v>4551</v>
      </c>
      <c r="C8" s="2814">
        <v>0</v>
      </c>
      <c r="D8" s="2815">
        <v>105</v>
      </c>
      <c r="E8" s="2815">
        <v>0</v>
      </c>
      <c r="F8" s="2815">
        <v>0</v>
      </c>
      <c r="G8" s="2816">
        <v>3</v>
      </c>
      <c r="H8" s="2817">
        <v>4659</v>
      </c>
      <c r="I8" s="2818">
        <v>4503</v>
      </c>
      <c r="J8" s="2819">
        <v>4468</v>
      </c>
    </row>
    <row r="9" spans="1:10" ht="20.149999999999999" customHeight="1" x14ac:dyDescent="0.25">
      <c r="A9" s="1284" t="s">
        <v>516</v>
      </c>
      <c r="B9" s="2813">
        <v>1301</v>
      </c>
      <c r="C9" s="2814">
        <v>3</v>
      </c>
      <c r="D9" s="2815">
        <v>18</v>
      </c>
      <c r="E9" s="2815">
        <v>41</v>
      </c>
      <c r="F9" s="2815">
        <v>0</v>
      </c>
      <c r="G9" s="2816">
        <v>29</v>
      </c>
      <c r="H9" s="2817">
        <v>1392</v>
      </c>
      <c r="I9" s="2818">
        <v>1544</v>
      </c>
      <c r="J9" s="2819">
        <v>1494</v>
      </c>
    </row>
    <row r="10" spans="1:10" ht="20.149999999999999" customHeight="1" x14ac:dyDescent="0.25">
      <c r="A10" s="1284" t="s">
        <v>517</v>
      </c>
      <c r="B10" s="2813">
        <v>168</v>
      </c>
      <c r="C10" s="2814">
        <v>287</v>
      </c>
      <c r="D10" s="2815">
        <v>14</v>
      </c>
      <c r="E10" s="2815">
        <v>4926</v>
      </c>
      <c r="F10" s="2815">
        <v>0</v>
      </c>
      <c r="G10" s="2816">
        <v>64</v>
      </c>
      <c r="H10" s="2817">
        <v>5459</v>
      </c>
      <c r="I10" s="2818">
        <v>4265</v>
      </c>
      <c r="J10" s="2819">
        <v>4797</v>
      </c>
    </row>
    <row r="11" spans="1:10" ht="20.149999999999999" customHeight="1" x14ac:dyDescent="0.25">
      <c r="A11" s="1284" t="s">
        <v>645</v>
      </c>
      <c r="B11" s="2813">
        <v>450</v>
      </c>
      <c r="C11" s="2814">
        <v>13</v>
      </c>
      <c r="D11" s="2815">
        <v>70</v>
      </c>
      <c r="E11" s="2815">
        <v>0</v>
      </c>
      <c r="F11" s="2815">
        <v>140</v>
      </c>
      <c r="G11" s="2816">
        <v>13</v>
      </c>
      <c r="H11" s="2817">
        <v>686</v>
      </c>
      <c r="I11" s="2818">
        <v>696</v>
      </c>
      <c r="J11" s="2819">
        <v>737</v>
      </c>
    </row>
    <row r="12" spans="1:10" ht="20.149999999999999" customHeight="1" x14ac:dyDescent="0.25">
      <c r="A12" s="1285" t="s">
        <v>253</v>
      </c>
      <c r="B12" s="2813">
        <v>8711</v>
      </c>
      <c r="C12" s="2814">
        <v>462</v>
      </c>
      <c r="D12" s="2815">
        <v>626</v>
      </c>
      <c r="E12" s="2815">
        <v>6066</v>
      </c>
      <c r="F12" s="2815">
        <v>230</v>
      </c>
      <c r="G12" s="2816">
        <v>118</v>
      </c>
      <c r="H12" s="2817">
        <v>16213</v>
      </c>
      <c r="I12" s="2818">
        <v>14523</v>
      </c>
      <c r="J12" s="2819">
        <v>16202</v>
      </c>
    </row>
    <row r="13" spans="1:10" ht="20.149999999999999" customHeight="1" x14ac:dyDescent="0.25">
      <c r="A13" s="1286"/>
      <c r="B13" s="1287"/>
      <c r="C13" s="1288"/>
      <c r="D13" s="2820"/>
      <c r="E13" s="2820"/>
      <c r="F13" s="2820"/>
      <c r="G13" s="2821"/>
      <c r="H13" s="2822"/>
      <c r="I13" s="2823"/>
      <c r="J13" s="2824"/>
    </row>
    <row r="14" spans="1:10" ht="20.149999999999999" customHeight="1" x14ac:dyDescent="0.25">
      <c r="A14" s="1276" t="s">
        <v>292</v>
      </c>
      <c r="B14" s="2825"/>
      <c r="C14" s="2826"/>
      <c r="D14" s="2827"/>
      <c r="E14" s="2827"/>
      <c r="F14" s="2827"/>
      <c r="G14" s="2828"/>
      <c r="H14" s="2829"/>
      <c r="I14" s="2830"/>
      <c r="J14" s="2831"/>
    </row>
    <row r="15" spans="1:10" ht="20.149999999999999" customHeight="1" x14ac:dyDescent="0.25">
      <c r="A15" s="944" t="s">
        <v>336</v>
      </c>
      <c r="B15" s="1283">
        <v>3609</v>
      </c>
      <c r="C15" s="919">
        <v>1130</v>
      </c>
      <c r="D15" s="2808">
        <v>3885</v>
      </c>
      <c r="E15" s="2808">
        <v>216</v>
      </c>
      <c r="F15" s="2808">
        <v>7529</v>
      </c>
      <c r="G15" s="2809">
        <v>1</v>
      </c>
      <c r="H15" s="2832">
        <v>16370</v>
      </c>
      <c r="I15" s="2811">
        <v>15425</v>
      </c>
      <c r="J15" s="2812">
        <v>13899</v>
      </c>
    </row>
    <row r="16" spans="1:10" ht="20.149999999999999" customHeight="1" x14ac:dyDescent="0.25">
      <c r="A16" s="1284" t="s">
        <v>518</v>
      </c>
      <c r="B16" s="2813">
        <v>6803</v>
      </c>
      <c r="C16" s="2814">
        <v>128</v>
      </c>
      <c r="D16" s="2815">
        <v>0</v>
      </c>
      <c r="E16" s="2815">
        <v>685</v>
      </c>
      <c r="F16" s="2815">
        <v>6601</v>
      </c>
      <c r="G16" s="2816">
        <v>74</v>
      </c>
      <c r="H16" s="2833">
        <v>14291</v>
      </c>
      <c r="I16" s="2818">
        <v>13795</v>
      </c>
      <c r="J16" s="2819">
        <v>11453</v>
      </c>
    </row>
    <row r="17" spans="1:10" ht="20.149999999999999" customHeight="1" x14ac:dyDescent="0.25">
      <c r="A17" s="1284" t="s">
        <v>519</v>
      </c>
      <c r="B17" s="2813">
        <v>13669</v>
      </c>
      <c r="C17" s="2814">
        <v>736</v>
      </c>
      <c r="D17" s="2815">
        <v>0</v>
      </c>
      <c r="E17" s="2815">
        <v>0</v>
      </c>
      <c r="F17" s="2815">
        <v>865</v>
      </c>
      <c r="G17" s="2816">
        <v>0</v>
      </c>
      <c r="H17" s="2833">
        <v>15270</v>
      </c>
      <c r="I17" s="2818">
        <v>14976</v>
      </c>
      <c r="J17" s="2819">
        <v>12183</v>
      </c>
    </row>
    <row r="18" spans="1:10" ht="20.149999999999999" customHeight="1" x14ac:dyDescent="0.25">
      <c r="A18" s="1284" t="s">
        <v>520</v>
      </c>
      <c r="B18" s="2813">
        <v>3925</v>
      </c>
      <c r="C18" s="2814">
        <v>8</v>
      </c>
      <c r="D18" s="2815">
        <v>0</v>
      </c>
      <c r="E18" s="2815">
        <v>120</v>
      </c>
      <c r="F18" s="2815">
        <v>5572</v>
      </c>
      <c r="G18" s="2816">
        <v>8</v>
      </c>
      <c r="H18" s="2833">
        <v>9633</v>
      </c>
      <c r="I18" s="2818">
        <v>9302</v>
      </c>
      <c r="J18" s="2819">
        <v>8724</v>
      </c>
    </row>
    <row r="19" spans="1:10" ht="20.149999999999999" customHeight="1" x14ac:dyDescent="0.25">
      <c r="A19" s="1284" t="s">
        <v>521</v>
      </c>
      <c r="B19" s="2813">
        <v>2842</v>
      </c>
      <c r="C19" s="2814">
        <v>320</v>
      </c>
      <c r="D19" s="2815">
        <v>0</v>
      </c>
      <c r="E19" s="2815">
        <v>234</v>
      </c>
      <c r="F19" s="2815">
        <v>931</v>
      </c>
      <c r="G19" s="2816">
        <v>2</v>
      </c>
      <c r="H19" s="2833">
        <v>4329</v>
      </c>
      <c r="I19" s="2818">
        <v>4546</v>
      </c>
      <c r="J19" s="2819">
        <v>4060</v>
      </c>
    </row>
    <row r="20" spans="1:10" ht="20.149999999999999" customHeight="1" x14ac:dyDescent="0.25">
      <c r="A20" s="1284" t="s">
        <v>662</v>
      </c>
      <c r="B20" s="2813">
        <v>163</v>
      </c>
      <c r="C20" s="2814">
        <v>5</v>
      </c>
      <c r="D20" s="2815">
        <v>0</v>
      </c>
      <c r="E20" s="2815">
        <v>0</v>
      </c>
      <c r="F20" s="2815">
        <v>568</v>
      </c>
      <c r="G20" s="2816">
        <v>0</v>
      </c>
      <c r="H20" s="2833">
        <v>736</v>
      </c>
      <c r="I20" s="2818">
        <v>697</v>
      </c>
      <c r="J20" s="2819">
        <v>642</v>
      </c>
    </row>
    <row r="21" spans="1:10" ht="20.149999999999999" customHeight="1" x14ac:dyDescent="0.25">
      <c r="A21" s="1285" t="s">
        <v>253</v>
      </c>
      <c r="B21" s="2813">
        <v>31011</v>
      </c>
      <c r="C21" s="2814">
        <v>2327</v>
      </c>
      <c r="D21" s="2815">
        <v>3885</v>
      </c>
      <c r="E21" s="2815">
        <v>1255</v>
      </c>
      <c r="F21" s="2815">
        <v>22066</v>
      </c>
      <c r="G21" s="2816">
        <v>85</v>
      </c>
      <c r="H21" s="2817">
        <v>60629</v>
      </c>
      <c r="I21" s="2818">
        <v>58741</v>
      </c>
      <c r="J21" s="2819">
        <v>50961</v>
      </c>
    </row>
    <row r="22" spans="1:10" ht="20.149999999999999" customHeight="1" x14ac:dyDescent="0.25">
      <c r="A22" s="1289"/>
      <c r="B22" s="1287"/>
      <c r="C22" s="1288"/>
      <c r="D22" s="2820"/>
      <c r="E22" s="2820"/>
      <c r="F22" s="2820"/>
      <c r="G22" s="2821"/>
      <c r="H22" s="2822"/>
      <c r="I22" s="2823"/>
      <c r="J22" s="2824"/>
    </row>
    <row r="23" spans="1:10" ht="20.149999999999999" customHeight="1" x14ac:dyDescent="0.25">
      <c r="A23" s="1276" t="s">
        <v>522</v>
      </c>
      <c r="B23" s="2825"/>
      <c r="C23" s="2826"/>
      <c r="D23" s="2827"/>
      <c r="E23" s="2827"/>
      <c r="F23" s="2827"/>
      <c r="G23" s="2828"/>
      <c r="H23" s="2829"/>
      <c r="I23" s="2830"/>
      <c r="J23" s="2831"/>
    </row>
    <row r="24" spans="1:10" ht="20.149999999999999" customHeight="1" x14ac:dyDescent="0.25">
      <c r="A24" s="944" t="s">
        <v>523</v>
      </c>
      <c r="B24" s="1283">
        <v>4802</v>
      </c>
      <c r="C24" s="919">
        <v>68</v>
      </c>
      <c r="D24" s="2808">
        <v>49</v>
      </c>
      <c r="E24" s="2808">
        <v>185</v>
      </c>
      <c r="F24" s="2808">
        <v>203</v>
      </c>
      <c r="G24" s="2809">
        <v>2</v>
      </c>
      <c r="H24" s="2832">
        <v>5309</v>
      </c>
      <c r="I24" s="2811">
        <v>5268</v>
      </c>
      <c r="J24" s="2812">
        <v>4788</v>
      </c>
    </row>
    <row r="25" spans="1:10" ht="20.149999999999999" customHeight="1" x14ac:dyDescent="0.25">
      <c r="A25" s="1284" t="s">
        <v>524</v>
      </c>
      <c r="B25" s="2834">
        <v>657</v>
      </c>
      <c r="C25" s="2835">
        <v>40</v>
      </c>
      <c r="D25" s="2836">
        <v>0</v>
      </c>
      <c r="E25" s="2836">
        <v>0</v>
      </c>
      <c r="F25" s="2836">
        <v>1294</v>
      </c>
      <c r="G25" s="2837">
        <v>4</v>
      </c>
      <c r="H25" s="2838">
        <v>1995</v>
      </c>
      <c r="I25" s="2839">
        <v>2137</v>
      </c>
      <c r="J25" s="2819">
        <v>1999</v>
      </c>
    </row>
    <row r="26" spans="1:10" ht="20.149999999999999" customHeight="1" x14ac:dyDescent="0.25">
      <c r="A26" s="1284" t="s">
        <v>525</v>
      </c>
      <c r="B26" s="1290">
        <v>1248</v>
      </c>
      <c r="C26" s="1291">
        <v>130</v>
      </c>
      <c r="D26" s="2840">
        <v>1</v>
      </c>
      <c r="E26" s="2840">
        <v>0</v>
      </c>
      <c r="F26" s="2840">
        <v>870</v>
      </c>
      <c r="G26" s="2841">
        <v>0</v>
      </c>
      <c r="H26" s="2842">
        <v>2249</v>
      </c>
      <c r="I26" s="2843">
        <v>2330</v>
      </c>
      <c r="J26" s="2819">
        <v>2201</v>
      </c>
    </row>
    <row r="27" spans="1:10" ht="20.149999999999999" customHeight="1" x14ac:dyDescent="0.25">
      <c r="A27" s="1292" t="s">
        <v>663</v>
      </c>
      <c r="B27" s="2844">
        <v>954</v>
      </c>
      <c r="C27" s="2845">
        <v>95</v>
      </c>
      <c r="D27" s="2846">
        <v>0</v>
      </c>
      <c r="E27" s="2846">
        <v>0</v>
      </c>
      <c r="F27" s="2846">
        <v>1502</v>
      </c>
      <c r="G27" s="2847">
        <v>1</v>
      </c>
      <c r="H27" s="2848">
        <v>2552</v>
      </c>
      <c r="I27" s="2849">
        <v>2318</v>
      </c>
      <c r="J27" s="2850">
        <v>2302</v>
      </c>
    </row>
    <row r="28" spans="1:10" ht="20.149999999999999" customHeight="1" x14ac:dyDescent="0.25">
      <c r="A28" s="1293" t="s">
        <v>253</v>
      </c>
      <c r="B28" s="2851">
        <v>7661</v>
      </c>
      <c r="C28" s="2852">
        <v>333</v>
      </c>
      <c r="D28" s="2853">
        <v>50</v>
      </c>
      <c r="E28" s="2853">
        <v>185</v>
      </c>
      <c r="F28" s="2853">
        <v>3869</v>
      </c>
      <c r="G28" s="2854">
        <v>7</v>
      </c>
      <c r="H28" s="2855">
        <v>12105</v>
      </c>
      <c r="I28" s="2856">
        <v>12053</v>
      </c>
      <c r="J28" s="2824">
        <v>11290</v>
      </c>
    </row>
    <row r="29" spans="1:10" ht="12" customHeight="1" x14ac:dyDescent="0.25">
      <c r="A29" s="781"/>
      <c r="B29" s="1129"/>
      <c r="C29" s="1129"/>
      <c r="D29" s="1059"/>
      <c r="E29" s="1059"/>
      <c r="F29" s="1059"/>
      <c r="G29" s="1059"/>
      <c r="H29" s="1059"/>
      <c r="I29" s="1059"/>
      <c r="J29" s="1059"/>
    </row>
    <row r="30" spans="1:10" ht="12" customHeight="1" x14ac:dyDescent="0.25">
      <c r="A30" s="3205" t="s">
        <v>840</v>
      </c>
      <c r="B30" s="3205" t="s">
        <v>38</v>
      </c>
      <c r="C30" s="3205" t="s">
        <v>38</v>
      </c>
      <c r="D30" s="3205" t="s">
        <v>38</v>
      </c>
      <c r="E30" s="3205" t="s">
        <v>38</v>
      </c>
      <c r="F30" s="3205" t="s">
        <v>38</v>
      </c>
      <c r="G30" s="3205" t="s">
        <v>38</v>
      </c>
      <c r="H30" s="3205" t="s">
        <v>38</v>
      </c>
      <c r="I30" s="3205" t="s">
        <v>38</v>
      </c>
      <c r="J30" s="3205" t="s">
        <v>38</v>
      </c>
    </row>
    <row r="31" spans="1:10" ht="12" customHeight="1" x14ac:dyDescent="0.25">
      <c r="A31" s="3205" t="s">
        <v>526</v>
      </c>
      <c r="B31" s="3205" t="s">
        <v>38</v>
      </c>
      <c r="C31" s="3205" t="s">
        <v>38</v>
      </c>
      <c r="D31" s="3205" t="s">
        <v>38</v>
      </c>
      <c r="E31" s="3205" t="s">
        <v>38</v>
      </c>
      <c r="F31" s="3205" t="s">
        <v>38</v>
      </c>
      <c r="G31" s="3205" t="s">
        <v>38</v>
      </c>
      <c r="H31" s="3205" t="s">
        <v>38</v>
      </c>
      <c r="I31" s="3205" t="s">
        <v>38</v>
      </c>
      <c r="J31" s="3205" t="s">
        <v>38</v>
      </c>
    </row>
    <row r="32" spans="1:10" ht="12" customHeight="1" x14ac:dyDescent="0.25">
      <c r="A32" s="3205" t="s">
        <v>527</v>
      </c>
      <c r="B32" s="3205" t="s">
        <v>38</v>
      </c>
      <c r="C32" s="3205" t="s">
        <v>38</v>
      </c>
      <c r="D32" s="3205" t="s">
        <v>38</v>
      </c>
      <c r="E32" s="3205" t="s">
        <v>38</v>
      </c>
      <c r="F32" s="3205" t="s">
        <v>38</v>
      </c>
      <c r="G32" s="3205" t="s">
        <v>38</v>
      </c>
      <c r="H32" s="3205" t="s">
        <v>38</v>
      </c>
      <c r="I32" s="3205" t="s">
        <v>38</v>
      </c>
      <c r="J32" s="3205" t="s">
        <v>38</v>
      </c>
    </row>
    <row r="33" spans="1:10" ht="12" customHeight="1" x14ac:dyDescent="0.25">
      <c r="A33" s="3205" t="s">
        <v>528</v>
      </c>
      <c r="B33" s="3205" t="s">
        <v>38</v>
      </c>
      <c r="C33" s="3205" t="s">
        <v>38</v>
      </c>
      <c r="D33" s="3205" t="s">
        <v>38</v>
      </c>
      <c r="E33" s="3205" t="s">
        <v>38</v>
      </c>
      <c r="F33" s="3205" t="s">
        <v>38</v>
      </c>
      <c r="G33" s="3205" t="s">
        <v>38</v>
      </c>
      <c r="H33" s="3205" t="s">
        <v>38</v>
      </c>
      <c r="I33" s="3205" t="s">
        <v>38</v>
      </c>
      <c r="J33" s="3205" t="s">
        <v>38</v>
      </c>
    </row>
    <row r="34" spans="1:10" ht="10" customHeight="1" x14ac:dyDescent="0.25">
      <c r="A34" s="3306"/>
      <c r="B34" s="3306" t="s">
        <v>38</v>
      </c>
      <c r="C34" s="3306" t="s">
        <v>38</v>
      </c>
      <c r="D34" s="3306" t="s">
        <v>38</v>
      </c>
      <c r="E34" s="3306" t="s">
        <v>38</v>
      </c>
      <c r="F34" s="3306" t="s">
        <v>38</v>
      </c>
      <c r="G34" s="3306" t="s">
        <v>38</v>
      </c>
      <c r="H34" s="3306" t="s">
        <v>38</v>
      </c>
      <c r="I34" s="3306" t="s">
        <v>38</v>
      </c>
      <c r="J34" s="3306" t="s">
        <v>38</v>
      </c>
    </row>
  </sheetData>
  <mergeCells count="6">
    <mergeCell ref="A34:J34"/>
    <mergeCell ref="A2:J2"/>
    <mergeCell ref="A30:J30"/>
    <mergeCell ref="A31:J31"/>
    <mergeCell ref="A32:J32"/>
    <mergeCell ref="A33:J33"/>
  </mergeCells>
  <hyperlinks>
    <hyperlink ref="A1" location="TDM!A1" display="Retour à la table des matières" xr:uid="{00000000-0004-0000-1E00-000000000000}"/>
  </hyperlinks>
  <printOptions horizontalCentered="1"/>
  <pageMargins left="0.51181102362204722" right="0.51181102362204722" top="0.51181102362204722" bottom="0.51181102362204722" header="0.23622047244094491" footer="0.23622047244094491"/>
  <pageSetup scale="65" orientation="landscape" r:id="rId1"/>
  <headerFooter>
    <oddFooter>&amp;L&amp;G&amp;C&amp;"Scotia,Regular"&amp;9Informations financières supplémentaires (IFS)&amp;R&amp;"Scotia,Regular"&amp;9&amp;A</oddFooter>
  </headerFooter>
  <legacyDrawingHF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9376F0-05D5-4315-82B9-178297F56505}">
  <sheetPr>
    <pageSetUpPr fitToPage="1"/>
  </sheetPr>
  <dimension ref="A1:J12"/>
  <sheetViews>
    <sheetView showGridLines="0" zoomScaleNormal="100" workbookViewId="0"/>
  </sheetViews>
  <sheetFormatPr defaultColWidth="8.7265625" defaultRowHeight="12.5" x14ac:dyDescent="0.25"/>
  <cols>
    <col min="1" max="1" width="70.81640625" style="25" customWidth="1"/>
    <col min="2" max="10" width="11.7265625" style="25" customWidth="1"/>
    <col min="11" max="16384" width="8.7265625" style="25"/>
  </cols>
  <sheetData>
    <row r="1" spans="1:10" ht="20.149999999999999" customHeight="1" x14ac:dyDescent="0.25">
      <c r="A1" s="24" t="s">
        <v>37</v>
      </c>
    </row>
    <row r="2" spans="1:10" ht="25" customHeight="1" x14ac:dyDescent="0.25">
      <c r="A2" s="3314" t="s">
        <v>35</v>
      </c>
      <c r="B2" s="3314" t="s">
        <v>38</v>
      </c>
      <c r="C2" s="3314" t="s">
        <v>38</v>
      </c>
      <c r="D2" s="3314" t="s">
        <v>38</v>
      </c>
      <c r="E2" s="3314" t="s">
        <v>38</v>
      </c>
      <c r="F2" s="3314" t="s">
        <v>38</v>
      </c>
      <c r="G2" s="3314" t="s">
        <v>38</v>
      </c>
      <c r="H2" s="3314" t="s">
        <v>38</v>
      </c>
      <c r="I2" s="3314" t="s">
        <v>38</v>
      </c>
      <c r="J2" s="3314" t="s">
        <v>38</v>
      </c>
    </row>
    <row r="3" spans="1:10" ht="20.149999999999999" customHeight="1" x14ac:dyDescent="0.25">
      <c r="A3" s="1294"/>
      <c r="B3" s="3315" t="s">
        <v>174</v>
      </c>
      <c r="C3" s="3316" t="s">
        <v>38</v>
      </c>
      <c r="D3" s="3317" t="s">
        <v>240</v>
      </c>
      <c r="E3" s="3318" t="s">
        <v>38</v>
      </c>
      <c r="F3" s="3318" t="s">
        <v>38</v>
      </c>
      <c r="G3" s="3319" t="s">
        <v>38</v>
      </c>
      <c r="H3" s="3320" t="s">
        <v>241</v>
      </c>
      <c r="I3" s="3318" t="s">
        <v>38</v>
      </c>
      <c r="J3" s="3318" t="s">
        <v>38</v>
      </c>
    </row>
    <row r="4" spans="1:10" ht="20.149999999999999" customHeight="1" x14ac:dyDescent="0.25">
      <c r="A4" s="1295" t="s">
        <v>69</v>
      </c>
      <c r="B4" s="1296" t="s">
        <v>49</v>
      </c>
      <c r="C4" s="1297" t="s">
        <v>45</v>
      </c>
      <c r="D4" s="1298" t="s">
        <v>569</v>
      </c>
      <c r="E4" s="1299" t="s">
        <v>570</v>
      </c>
      <c r="F4" s="1300" t="s">
        <v>49</v>
      </c>
      <c r="G4" s="1301" t="s">
        <v>45</v>
      </c>
      <c r="H4" s="1302" t="s">
        <v>569</v>
      </c>
      <c r="I4" s="1299" t="s">
        <v>570</v>
      </c>
      <c r="J4" s="1300" t="s">
        <v>49</v>
      </c>
    </row>
    <row r="5" spans="1:10" ht="29" x14ac:dyDescent="0.25">
      <c r="A5" s="1303" t="s">
        <v>530</v>
      </c>
      <c r="B5" s="1304"/>
      <c r="C5" s="1305"/>
      <c r="D5" s="1306"/>
      <c r="E5" s="1307"/>
      <c r="F5" s="1308"/>
      <c r="G5" s="1305"/>
      <c r="H5" s="1306"/>
      <c r="I5" s="1307"/>
      <c r="J5" s="1308"/>
    </row>
    <row r="6" spans="1:10" ht="30" customHeight="1" x14ac:dyDescent="0.25">
      <c r="A6" s="1309" t="s">
        <v>531</v>
      </c>
      <c r="B6" s="2857">
        <v>-1699</v>
      </c>
      <c r="C6" s="2858">
        <v>-2034</v>
      </c>
      <c r="D6" s="2859">
        <v>-2823</v>
      </c>
      <c r="E6" s="2860">
        <v>-1066</v>
      </c>
      <c r="F6" s="2860">
        <v>-1244</v>
      </c>
      <c r="G6" s="2841">
        <v>-51</v>
      </c>
      <c r="H6" s="2861">
        <v>219</v>
      </c>
      <c r="I6" s="2860">
        <v>462</v>
      </c>
      <c r="J6" s="2860">
        <v>453</v>
      </c>
    </row>
    <row r="7" spans="1:10" ht="30" customHeight="1" x14ac:dyDescent="0.25">
      <c r="A7" s="1309" t="s">
        <v>532</v>
      </c>
      <c r="B7" s="2857">
        <v>-689</v>
      </c>
      <c r="C7" s="2858">
        <v>-852</v>
      </c>
      <c r="D7" s="2859">
        <v>-1108</v>
      </c>
      <c r="E7" s="2860">
        <v>-854</v>
      </c>
      <c r="F7" s="2860">
        <v>-880</v>
      </c>
      <c r="G7" s="2841">
        <v>-517</v>
      </c>
      <c r="H7" s="2861">
        <v>-455</v>
      </c>
      <c r="I7" s="2860">
        <v>-153</v>
      </c>
      <c r="J7" s="2860">
        <v>-62</v>
      </c>
    </row>
    <row r="8" spans="1:10" ht="30" customHeight="1" x14ac:dyDescent="0.25">
      <c r="A8" s="1309" t="s">
        <v>533</v>
      </c>
      <c r="B8" s="2857">
        <v>-325</v>
      </c>
      <c r="C8" s="2858">
        <v>-367</v>
      </c>
      <c r="D8" s="2859">
        <v>-502</v>
      </c>
      <c r="E8" s="2860">
        <v>-282</v>
      </c>
      <c r="F8" s="2860">
        <v>-322</v>
      </c>
      <c r="G8" s="2841">
        <v>-86</v>
      </c>
      <c r="H8" s="2861">
        <v>-42</v>
      </c>
      <c r="I8" s="2860">
        <v>73</v>
      </c>
      <c r="J8" s="2860">
        <v>62</v>
      </c>
    </row>
    <row r="9" spans="1:10" ht="30" customHeight="1" x14ac:dyDescent="0.25">
      <c r="A9" s="1310" t="s">
        <v>534</v>
      </c>
      <c r="B9" s="1311">
        <v>318</v>
      </c>
      <c r="C9" s="775">
        <v>366</v>
      </c>
      <c r="D9" s="1290">
        <v>265</v>
      </c>
      <c r="E9" s="2840">
        <v>382</v>
      </c>
      <c r="F9" s="2840">
        <v>588</v>
      </c>
      <c r="G9" s="2841">
        <v>597</v>
      </c>
      <c r="H9" s="2819">
        <v>441</v>
      </c>
      <c r="I9" s="2840">
        <v>381</v>
      </c>
      <c r="J9" s="2840">
        <v>355</v>
      </c>
    </row>
    <row r="10" spans="1:10" ht="29" x14ac:dyDescent="0.25">
      <c r="A10" s="1312" t="s">
        <v>535</v>
      </c>
      <c r="B10" s="2862">
        <v>-2395</v>
      </c>
      <c r="C10" s="2863">
        <v>-2887</v>
      </c>
      <c r="D10" s="2864">
        <v>-4168</v>
      </c>
      <c r="E10" s="2865">
        <v>-1821</v>
      </c>
      <c r="F10" s="2866">
        <v>-1858</v>
      </c>
      <c r="G10" s="774">
        <v>-57</v>
      </c>
      <c r="H10" s="2867">
        <v>163</v>
      </c>
      <c r="I10" s="2865">
        <v>763</v>
      </c>
      <c r="J10" s="2866">
        <v>808</v>
      </c>
    </row>
    <row r="11" spans="1:10" ht="40" customHeight="1" x14ac:dyDescent="0.25">
      <c r="A11" s="1501" t="s">
        <v>536</v>
      </c>
      <c r="B11" s="2868">
        <v>1319</v>
      </c>
      <c r="C11" s="2869">
        <v>1595</v>
      </c>
      <c r="D11" s="2870">
        <v>2333</v>
      </c>
      <c r="E11" s="2871">
        <v>796</v>
      </c>
      <c r="F11" s="2871">
        <v>1118</v>
      </c>
      <c r="G11" s="2821">
        <v>-34</v>
      </c>
      <c r="H11" s="2872">
        <v>-206</v>
      </c>
      <c r="I11" s="2871">
        <v>-515</v>
      </c>
      <c r="J11" s="2871">
        <v>-440</v>
      </c>
    </row>
    <row r="12" spans="1:10" ht="40" customHeight="1" x14ac:dyDescent="0.25">
      <c r="A12" s="1313" t="s">
        <v>537</v>
      </c>
      <c r="B12" s="2873">
        <v>-1076</v>
      </c>
      <c r="C12" s="2874">
        <v>-1291</v>
      </c>
      <c r="D12" s="2875">
        <v>-1835</v>
      </c>
      <c r="E12" s="2876">
        <v>-1025</v>
      </c>
      <c r="F12" s="2876">
        <v>-740</v>
      </c>
      <c r="G12" s="1314">
        <v>-91</v>
      </c>
      <c r="H12" s="2877">
        <v>-43</v>
      </c>
      <c r="I12" s="2876">
        <v>248</v>
      </c>
      <c r="J12" s="2876">
        <v>368</v>
      </c>
    </row>
  </sheetData>
  <mergeCells count="4">
    <mergeCell ref="A2:J2"/>
    <mergeCell ref="B3:C3"/>
    <mergeCell ref="D3:G3"/>
    <mergeCell ref="H3:J3"/>
  </mergeCells>
  <hyperlinks>
    <hyperlink ref="A1" location="TDM!A1" display="Retour à la table des matières" xr:uid="{00000000-0004-0000-1F00-000000000000}"/>
  </hyperlinks>
  <printOptions horizontalCentered="1"/>
  <pageMargins left="0.51181102362204722" right="0.51181102362204722" top="0.51181102362204722" bottom="0.51181102362204722" header="0.23622047244094491" footer="0.23622047244094491"/>
  <pageSetup scale="72" orientation="landscape" r:id="rId1"/>
  <headerFooter>
    <oddFooter>&amp;L&amp;G&amp;C&amp;"Scotia,Regular"&amp;9Informations financières supplémentaires (IFS)&amp;R&amp;"Scotia,Regular"&amp;9&amp;A</oddFooter>
  </headerFooter>
  <legacyDrawingHF r:id="rId2"/>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EEC882-5181-404F-8747-A46501B79609}">
  <sheetPr>
    <pageSetUpPr fitToPage="1"/>
  </sheetPr>
  <dimension ref="A1:J45"/>
  <sheetViews>
    <sheetView showGridLines="0" zoomScaleNormal="100" workbookViewId="0"/>
  </sheetViews>
  <sheetFormatPr defaultColWidth="8.7265625" defaultRowHeight="12.5" x14ac:dyDescent="0.25"/>
  <cols>
    <col min="1" max="1" width="98.54296875" style="25" customWidth="1"/>
    <col min="2" max="2" width="11.54296875" style="25" bestFit="1" customWidth="1"/>
    <col min="3" max="3" width="11.54296875" style="25" customWidth="1"/>
    <col min="4" max="7" width="11.453125" style="25" customWidth="1"/>
    <col min="8" max="10" width="11.26953125" style="25" customWidth="1"/>
    <col min="11" max="16384" width="8.7265625" style="25"/>
  </cols>
  <sheetData>
    <row r="1" spans="1:10" ht="20.149999999999999" customHeight="1" x14ac:dyDescent="0.25">
      <c r="A1" s="24" t="s">
        <v>37</v>
      </c>
    </row>
    <row r="2" spans="1:10" ht="25" customHeight="1" x14ac:dyDescent="0.25">
      <c r="A2" s="3321" t="s">
        <v>538</v>
      </c>
      <c r="B2" s="3321" t="s">
        <v>38</v>
      </c>
      <c r="C2" s="3321" t="s">
        <v>38</v>
      </c>
      <c r="D2" s="3321" t="s">
        <v>38</v>
      </c>
      <c r="E2" s="3321" t="s">
        <v>38</v>
      </c>
      <c r="F2" s="3321" t="s">
        <v>38</v>
      </c>
      <c r="G2" s="3321" t="s">
        <v>38</v>
      </c>
      <c r="H2" s="3321" t="s">
        <v>38</v>
      </c>
      <c r="I2" s="3321" t="s">
        <v>38</v>
      </c>
      <c r="J2" s="3321" t="s">
        <v>38</v>
      </c>
    </row>
    <row r="3" spans="1:10" ht="20.149999999999999" customHeight="1" x14ac:dyDescent="0.25">
      <c r="A3" s="1315"/>
      <c r="B3" s="3322" t="s">
        <v>174</v>
      </c>
      <c r="C3" s="3323" t="s">
        <v>38</v>
      </c>
      <c r="D3" s="3324">
        <v>2022</v>
      </c>
      <c r="E3" s="3325" t="s">
        <v>38</v>
      </c>
      <c r="F3" s="3325" t="s">
        <v>38</v>
      </c>
      <c r="G3" s="3326" t="s">
        <v>38</v>
      </c>
      <c r="H3" s="3324">
        <v>2021</v>
      </c>
      <c r="I3" s="3325" t="s">
        <v>38</v>
      </c>
      <c r="J3" s="3325" t="s">
        <v>38</v>
      </c>
    </row>
    <row r="4" spans="1:10" ht="20.149999999999999" customHeight="1" x14ac:dyDescent="0.25">
      <c r="A4" s="2878"/>
      <c r="B4" s="2879" t="s">
        <v>841</v>
      </c>
      <c r="C4" s="2880"/>
      <c r="D4" s="2881"/>
      <c r="E4" s="2882"/>
      <c r="F4" s="2882"/>
      <c r="G4" s="2883"/>
      <c r="H4" s="2882"/>
      <c r="I4" s="2882"/>
      <c r="J4" s="2882"/>
    </row>
    <row r="5" spans="1:10" ht="20.149999999999999" customHeight="1" x14ac:dyDescent="0.25">
      <c r="A5" s="2884"/>
      <c r="B5" s="2885" t="s">
        <v>842</v>
      </c>
      <c r="C5" s="2886" t="s">
        <v>841</v>
      </c>
      <c r="D5" s="3327" t="s">
        <v>841</v>
      </c>
      <c r="E5" s="3328"/>
      <c r="F5" s="3328"/>
      <c r="G5" s="3329"/>
      <c r="H5" s="3330" t="s">
        <v>841</v>
      </c>
      <c r="I5" s="3331"/>
      <c r="J5" s="3331"/>
    </row>
    <row r="6" spans="1:10" ht="20.149999999999999" customHeight="1" x14ac:dyDescent="0.25">
      <c r="A6" s="1316" t="s">
        <v>69</v>
      </c>
      <c r="B6" s="1317" t="s">
        <v>49</v>
      </c>
      <c r="C6" s="1318" t="s">
        <v>45</v>
      </c>
      <c r="D6" s="1319" t="s">
        <v>569</v>
      </c>
      <c r="E6" s="1320" t="s">
        <v>570</v>
      </c>
      <c r="F6" s="1320" t="s">
        <v>49</v>
      </c>
      <c r="G6" s="1321" t="s">
        <v>45</v>
      </c>
      <c r="H6" s="1322" t="s">
        <v>569</v>
      </c>
      <c r="I6" s="1320" t="s">
        <v>570</v>
      </c>
      <c r="J6" s="1320" t="s">
        <v>49</v>
      </c>
    </row>
    <row r="7" spans="1:10" ht="20.149999999999999" customHeight="1" x14ac:dyDescent="0.25">
      <c r="A7" s="1070" t="s">
        <v>843</v>
      </c>
      <c r="B7" s="2887">
        <v>55519.619509999997</v>
      </c>
      <c r="C7" s="2888">
        <v>54138</v>
      </c>
      <c r="D7" s="2889">
        <v>53081</v>
      </c>
      <c r="E7" s="2890">
        <v>51639</v>
      </c>
      <c r="F7" s="2890">
        <v>51547</v>
      </c>
      <c r="G7" s="1323">
        <v>52150</v>
      </c>
      <c r="H7" s="2891">
        <v>51010</v>
      </c>
      <c r="I7" s="2892">
        <v>50465</v>
      </c>
      <c r="J7" s="2892">
        <v>49697</v>
      </c>
    </row>
    <row r="8" spans="1:10" ht="20.149999999999999" customHeight="1" x14ac:dyDescent="0.25">
      <c r="A8" s="1324" t="s">
        <v>844</v>
      </c>
      <c r="B8" s="2887">
        <v>63688.003509999995</v>
      </c>
      <c r="C8" s="2893">
        <v>62317</v>
      </c>
      <c r="D8" s="2894">
        <v>61262</v>
      </c>
      <c r="E8" s="2895">
        <v>58801</v>
      </c>
      <c r="F8" s="2895">
        <v>57201</v>
      </c>
      <c r="G8" s="774">
        <v>57911</v>
      </c>
      <c r="H8" s="2896">
        <v>57915</v>
      </c>
      <c r="I8" s="2897">
        <v>56630</v>
      </c>
      <c r="J8" s="2897">
        <v>55152</v>
      </c>
    </row>
    <row r="9" spans="1:10" ht="20.149999999999999" customHeight="1" x14ac:dyDescent="0.25">
      <c r="A9" s="1324" t="s">
        <v>845</v>
      </c>
      <c r="B9" s="2887">
        <v>73197.121509999997</v>
      </c>
      <c r="C9" s="2893">
        <v>71867</v>
      </c>
      <c r="D9" s="2894">
        <v>70710</v>
      </c>
      <c r="E9" s="2895">
        <v>68086</v>
      </c>
      <c r="F9" s="2895">
        <v>66628</v>
      </c>
      <c r="G9" s="774">
        <v>65527</v>
      </c>
      <c r="H9" s="2896">
        <v>66101</v>
      </c>
      <c r="I9" s="2897">
        <v>65101</v>
      </c>
      <c r="J9" s="2897">
        <v>63686</v>
      </c>
    </row>
    <row r="10" spans="1:10" ht="20.149999999999999" customHeight="1" x14ac:dyDescent="0.25">
      <c r="A10" s="1324" t="s">
        <v>846</v>
      </c>
      <c r="B10" s="2887">
        <v>127815.47506999999</v>
      </c>
      <c r="C10" s="2893">
        <v>131433</v>
      </c>
      <c r="D10" s="2894">
        <v>126565</v>
      </c>
      <c r="E10" s="2895">
        <v>128800</v>
      </c>
      <c r="F10" s="2895">
        <v>133841</v>
      </c>
      <c r="G10" s="774">
        <v>122613</v>
      </c>
      <c r="H10" s="2896">
        <v>115681</v>
      </c>
      <c r="I10" s="2897">
        <v>104759</v>
      </c>
      <c r="J10" s="2897">
        <v>97870</v>
      </c>
    </row>
    <row r="11" spans="1:10" ht="20.149999999999999" customHeight="1" x14ac:dyDescent="0.25">
      <c r="A11" s="1325"/>
      <c r="B11" s="2898"/>
      <c r="C11" s="2899"/>
      <c r="D11" s="2900"/>
      <c r="E11" s="2901"/>
      <c r="F11" s="2901"/>
      <c r="G11" s="778"/>
      <c r="H11" s="2902"/>
      <c r="I11" s="2903"/>
      <c r="J11" s="2903"/>
    </row>
    <row r="12" spans="1:10" ht="20.149999999999999" customHeight="1" x14ac:dyDescent="0.25">
      <c r="A12" s="1324" t="s">
        <v>847</v>
      </c>
      <c r="B12" s="2898"/>
      <c r="C12" s="2899"/>
      <c r="D12" s="2900"/>
      <c r="E12" s="2901"/>
      <c r="F12" s="2901"/>
      <c r="G12" s="778"/>
      <c r="H12" s="2902"/>
      <c r="I12" s="2903"/>
      <c r="J12" s="2903"/>
    </row>
    <row r="13" spans="1:10" ht="20.149999999999999" customHeight="1" x14ac:dyDescent="0.25">
      <c r="A13" s="1332" t="s">
        <v>539</v>
      </c>
      <c r="B13" s="2887">
        <v>451063.17916299996</v>
      </c>
      <c r="C13" s="2893">
        <v>471528</v>
      </c>
      <c r="D13" s="2894">
        <v>462448</v>
      </c>
      <c r="E13" s="2895">
        <v>452800</v>
      </c>
      <c r="F13" s="2895">
        <v>445272.821</v>
      </c>
      <c r="G13" s="774">
        <v>433682</v>
      </c>
      <c r="H13" s="2896">
        <v>416105</v>
      </c>
      <c r="I13" s="2897">
        <v>414169</v>
      </c>
      <c r="J13" s="2897">
        <v>404727</v>
      </c>
    </row>
    <row r="14" spans="1:10" ht="20.149999999999999" customHeight="1" x14ac:dyDescent="0.25">
      <c r="A14" s="1332"/>
      <c r="B14" s="2898"/>
      <c r="C14" s="2899"/>
      <c r="D14" s="2900"/>
      <c r="E14" s="2901"/>
      <c r="F14" s="2901"/>
      <c r="G14" s="778"/>
      <c r="H14" s="2902"/>
      <c r="I14" s="2903"/>
      <c r="J14" s="2903"/>
    </row>
    <row r="15" spans="1:10" ht="20.149999999999999" customHeight="1" x14ac:dyDescent="0.25">
      <c r="A15" s="1324" t="s">
        <v>848</v>
      </c>
      <c r="B15" s="2898"/>
      <c r="C15" s="2899"/>
      <c r="D15" s="2900"/>
      <c r="E15" s="2901"/>
      <c r="F15" s="2901"/>
      <c r="G15" s="778"/>
      <c r="H15" s="2902"/>
      <c r="I15" s="2903"/>
      <c r="J15" s="2903"/>
    </row>
    <row r="16" spans="1:10" ht="20.149999999999999" customHeight="1" x14ac:dyDescent="0.25">
      <c r="A16" s="1332" t="s">
        <v>849</v>
      </c>
      <c r="B16" s="2904">
        <v>12.3</v>
      </c>
      <c r="C16" s="2905">
        <v>11.5</v>
      </c>
      <c r="D16" s="2906">
        <v>11.5</v>
      </c>
      <c r="E16" s="2907">
        <v>11.4</v>
      </c>
      <c r="F16" s="2907">
        <v>11.6</v>
      </c>
      <c r="G16" s="1333">
        <v>12</v>
      </c>
      <c r="H16" s="2908">
        <v>12.3</v>
      </c>
      <c r="I16" s="2909">
        <v>12.2</v>
      </c>
      <c r="J16" s="2909">
        <v>12.3</v>
      </c>
    </row>
    <row r="17" spans="1:10" ht="20.149999999999999" customHeight="1" x14ac:dyDescent="0.25">
      <c r="A17" s="1332" t="s">
        <v>850</v>
      </c>
      <c r="B17" s="2904">
        <v>14.1</v>
      </c>
      <c r="C17" s="2905">
        <v>13.2</v>
      </c>
      <c r="D17" s="2906">
        <v>13.2</v>
      </c>
      <c r="E17" s="2907">
        <v>13</v>
      </c>
      <c r="F17" s="2907">
        <v>12.8</v>
      </c>
      <c r="G17" s="1333">
        <v>13.4</v>
      </c>
      <c r="H17" s="2908">
        <v>13.9</v>
      </c>
      <c r="I17" s="2909">
        <v>13.7</v>
      </c>
      <c r="J17" s="2909">
        <v>13.6</v>
      </c>
    </row>
    <row r="18" spans="1:10" ht="20.149999999999999" customHeight="1" x14ac:dyDescent="0.25">
      <c r="A18" s="1332" t="s">
        <v>851</v>
      </c>
      <c r="B18" s="2904">
        <v>16.2</v>
      </c>
      <c r="C18" s="2905">
        <v>15.2</v>
      </c>
      <c r="D18" s="2906">
        <v>15.3</v>
      </c>
      <c r="E18" s="2907">
        <v>15</v>
      </c>
      <c r="F18" s="2907">
        <v>15</v>
      </c>
      <c r="G18" s="1333">
        <v>15.1</v>
      </c>
      <c r="H18" s="2908">
        <v>15.9</v>
      </c>
      <c r="I18" s="2909">
        <v>15.7</v>
      </c>
      <c r="J18" s="2909">
        <v>15.7</v>
      </c>
    </row>
    <row r="19" spans="1:10" ht="20.149999999999999" customHeight="1" x14ac:dyDescent="0.25">
      <c r="A19" s="1332" t="s">
        <v>852</v>
      </c>
      <c r="B19" s="2904">
        <v>28.3</v>
      </c>
      <c r="C19" s="2905">
        <v>27.9</v>
      </c>
      <c r="D19" s="2906">
        <v>27.4</v>
      </c>
      <c r="E19" s="2907">
        <v>28.4</v>
      </c>
      <c r="F19" s="2907">
        <v>30.1</v>
      </c>
      <c r="G19" s="1333">
        <v>28.3</v>
      </c>
      <c r="H19" s="2908">
        <v>27.8</v>
      </c>
      <c r="I19" s="2909">
        <v>25.3</v>
      </c>
      <c r="J19" s="2909">
        <v>24.2</v>
      </c>
    </row>
    <row r="20" spans="1:10" ht="20.149999999999999" customHeight="1" x14ac:dyDescent="0.25">
      <c r="A20" s="1332"/>
      <c r="B20" s="2910"/>
      <c r="C20" s="2911"/>
      <c r="D20" s="2912"/>
      <c r="E20" s="2913"/>
      <c r="F20" s="2913"/>
      <c r="G20" s="1340"/>
      <c r="H20" s="2914"/>
      <c r="I20" s="2915"/>
      <c r="J20" s="2915"/>
    </row>
    <row r="21" spans="1:10" ht="20.149999999999999" customHeight="1" x14ac:dyDescent="0.25">
      <c r="A21" s="1324" t="s">
        <v>853</v>
      </c>
      <c r="B21" s="2898"/>
      <c r="C21" s="2899"/>
      <c r="D21" s="2900"/>
      <c r="E21" s="2901"/>
      <c r="F21" s="2901"/>
      <c r="G21" s="778"/>
      <c r="H21" s="2902"/>
      <c r="I21" s="2903"/>
      <c r="J21" s="2903"/>
    </row>
    <row r="22" spans="1:10" ht="20.149999999999999" customHeight="1" x14ac:dyDescent="0.25">
      <c r="A22" s="1332" t="s">
        <v>854</v>
      </c>
      <c r="B22" s="3087">
        <v>1530107</v>
      </c>
      <c r="C22" s="2893">
        <v>1468559</v>
      </c>
      <c r="D22" s="2894">
        <v>1445619</v>
      </c>
      <c r="E22" s="2895">
        <v>1388823</v>
      </c>
      <c r="F22" s="2895">
        <v>1360184.4040000001</v>
      </c>
      <c r="G22" s="774">
        <v>1308247</v>
      </c>
      <c r="H22" s="2896">
        <v>1201766</v>
      </c>
      <c r="I22" s="2897">
        <v>1191993</v>
      </c>
      <c r="J22" s="2897">
        <v>1180223</v>
      </c>
    </row>
    <row r="23" spans="1:10" ht="20.149999999999999" customHeight="1" x14ac:dyDescent="0.25">
      <c r="A23" s="1332" t="s">
        <v>855</v>
      </c>
      <c r="B23" s="2904">
        <v>4.2</v>
      </c>
      <c r="C23" s="2905">
        <v>4.2</v>
      </c>
      <c r="D23" s="2906">
        <v>4.2</v>
      </c>
      <c r="E23" s="2907">
        <v>4.1729952352127357</v>
      </c>
      <c r="F23" s="2907">
        <v>4.1729952352127357</v>
      </c>
      <c r="G23" s="1333">
        <v>4.4000000000000004</v>
      </c>
      <c r="H23" s="2908">
        <v>4.8</v>
      </c>
      <c r="I23" s="2909">
        <v>4.8</v>
      </c>
      <c r="J23" s="2909">
        <v>4.7</v>
      </c>
    </row>
    <row r="24" spans="1:10" ht="20.149999999999999" customHeight="1" x14ac:dyDescent="0.25">
      <c r="A24" s="1332" t="s">
        <v>856</v>
      </c>
      <c r="B24" s="2904">
        <v>8.4</v>
      </c>
      <c r="C24" s="2905">
        <v>8.9</v>
      </c>
      <c r="D24" s="2906">
        <v>8.8000000000000007</v>
      </c>
      <c r="E24" s="2907">
        <v>9.3000000000000007</v>
      </c>
      <c r="F24" s="2907">
        <v>9.8000000000000007</v>
      </c>
      <c r="G24" s="1333">
        <v>9.4</v>
      </c>
      <c r="H24" s="2908">
        <v>9.6</v>
      </c>
      <c r="I24" s="2909">
        <v>8.8000000000000007</v>
      </c>
      <c r="J24" s="2909">
        <v>8.3000000000000007</v>
      </c>
    </row>
    <row r="25" spans="1:10" ht="20.149999999999999" customHeight="1" x14ac:dyDescent="0.25">
      <c r="A25" s="1332"/>
      <c r="B25" s="1343"/>
      <c r="C25" s="1337"/>
      <c r="D25" s="1338"/>
      <c r="E25" s="1339"/>
      <c r="F25" s="1339"/>
      <c r="G25" s="1340"/>
      <c r="H25" s="1341"/>
      <c r="I25" s="1342"/>
      <c r="J25" s="1342"/>
    </row>
    <row r="26" spans="1:10" ht="20.149999999999999" customHeight="1" x14ac:dyDescent="0.25">
      <c r="A26" s="1324" t="s">
        <v>540</v>
      </c>
      <c r="B26" s="1326"/>
      <c r="C26" s="1327"/>
      <c r="D26" s="1328"/>
      <c r="E26" s="1329"/>
      <c r="F26" s="1329"/>
      <c r="G26" s="778"/>
      <c r="H26" s="1330"/>
      <c r="I26" s="1331"/>
      <c r="J26" s="1331"/>
    </row>
    <row r="27" spans="1:10" ht="20.149999999999999" customHeight="1" x14ac:dyDescent="0.25">
      <c r="A27" s="1332" t="s">
        <v>541</v>
      </c>
      <c r="B27" s="2904">
        <v>8</v>
      </c>
      <c r="C27" s="2905">
        <v>8</v>
      </c>
      <c r="D27" s="2906">
        <v>8</v>
      </c>
      <c r="E27" s="2907">
        <v>8</v>
      </c>
      <c r="F27" s="2907">
        <v>8</v>
      </c>
      <c r="G27" s="1333">
        <v>8</v>
      </c>
      <c r="H27" s="2908">
        <v>8</v>
      </c>
      <c r="I27" s="2909">
        <v>8</v>
      </c>
      <c r="J27" s="2909">
        <v>8</v>
      </c>
    </row>
    <row r="28" spans="1:10" ht="20.149999999999999" customHeight="1" x14ac:dyDescent="0.25">
      <c r="A28" s="1332" t="s">
        <v>542</v>
      </c>
      <c r="B28" s="2904">
        <v>9.5</v>
      </c>
      <c r="C28" s="2905">
        <v>9.5</v>
      </c>
      <c r="D28" s="2906">
        <v>9.5</v>
      </c>
      <c r="E28" s="2907">
        <v>9.5</v>
      </c>
      <c r="F28" s="2907">
        <v>9.5</v>
      </c>
      <c r="G28" s="1333">
        <v>9.5</v>
      </c>
      <c r="H28" s="2908">
        <v>9.5</v>
      </c>
      <c r="I28" s="2909">
        <v>9.5</v>
      </c>
      <c r="J28" s="2909">
        <v>9.5</v>
      </c>
    </row>
    <row r="29" spans="1:10" ht="20.149999999999999" customHeight="1" x14ac:dyDescent="0.25">
      <c r="A29" s="1332" t="s">
        <v>543</v>
      </c>
      <c r="B29" s="2904">
        <v>11.5</v>
      </c>
      <c r="C29" s="2905">
        <v>11.5</v>
      </c>
      <c r="D29" s="2906">
        <v>11.5</v>
      </c>
      <c r="E29" s="2907">
        <v>11.5</v>
      </c>
      <c r="F29" s="2907">
        <v>11.5</v>
      </c>
      <c r="G29" s="1333">
        <v>11.5</v>
      </c>
      <c r="H29" s="2908">
        <v>11.5</v>
      </c>
      <c r="I29" s="2909">
        <v>11.5</v>
      </c>
      <c r="J29" s="2909">
        <v>11.5</v>
      </c>
    </row>
    <row r="30" spans="1:10" ht="20.149999999999999" customHeight="1" x14ac:dyDescent="0.25">
      <c r="A30" s="1332" t="s">
        <v>544</v>
      </c>
      <c r="B30" s="2904">
        <v>3.5</v>
      </c>
      <c r="C30" s="2905">
        <v>3</v>
      </c>
      <c r="D30" s="2906">
        <v>3</v>
      </c>
      <c r="E30" s="2907">
        <v>3</v>
      </c>
      <c r="F30" s="2907">
        <v>3</v>
      </c>
      <c r="G30" s="1333">
        <v>3</v>
      </c>
      <c r="H30" s="2908">
        <v>3</v>
      </c>
      <c r="I30" s="2909">
        <v>3</v>
      </c>
      <c r="J30" s="2909">
        <v>3</v>
      </c>
    </row>
    <row r="31" spans="1:10" ht="20.149999999999999" customHeight="1" x14ac:dyDescent="0.25">
      <c r="A31" s="1332" t="s">
        <v>545</v>
      </c>
      <c r="B31" s="2904">
        <v>21.5</v>
      </c>
      <c r="C31" s="2905">
        <v>21.5</v>
      </c>
      <c r="D31" s="2906">
        <v>21.5</v>
      </c>
      <c r="E31" s="2907">
        <v>21.5</v>
      </c>
      <c r="F31" s="2907">
        <v>21.5</v>
      </c>
      <c r="G31" s="1333">
        <v>21.5</v>
      </c>
      <c r="H31" s="1334" t="s">
        <v>529</v>
      </c>
      <c r="I31" s="1335" t="s">
        <v>529</v>
      </c>
      <c r="J31" s="1335" t="s">
        <v>529</v>
      </c>
    </row>
    <row r="32" spans="1:10" ht="20.149999999999999" customHeight="1" x14ac:dyDescent="0.25">
      <c r="A32" s="1332" t="s">
        <v>706</v>
      </c>
      <c r="B32" s="2916">
        <v>7.25</v>
      </c>
      <c r="C32" s="2917">
        <v>6.75</v>
      </c>
      <c r="D32" s="2918">
        <v>6.75</v>
      </c>
      <c r="E32" s="2919">
        <v>6.75</v>
      </c>
      <c r="F32" s="2919">
        <v>6.75</v>
      </c>
      <c r="G32" s="1344">
        <v>6.75</v>
      </c>
      <c r="H32" s="1345" t="s">
        <v>529</v>
      </c>
      <c r="I32" s="1346" t="s">
        <v>529</v>
      </c>
      <c r="J32" s="1346" t="s">
        <v>529</v>
      </c>
    </row>
    <row r="33" spans="1:10" ht="20.149999999999999" customHeight="1" x14ac:dyDescent="0.25">
      <c r="A33" s="1332"/>
      <c r="B33" s="1336"/>
      <c r="C33" s="1337"/>
      <c r="D33" s="1338"/>
      <c r="E33" s="1339"/>
      <c r="F33" s="1339"/>
      <c r="G33" s="1340"/>
      <c r="H33" s="1341"/>
      <c r="I33" s="1342"/>
      <c r="J33" s="1342"/>
    </row>
    <row r="34" spans="1:10" ht="14.5" x14ac:dyDescent="0.25">
      <c r="A34" s="1324" t="s">
        <v>546</v>
      </c>
      <c r="B34" s="1326"/>
      <c r="C34" s="1327"/>
      <c r="D34" s="1328"/>
      <c r="E34" s="1329"/>
      <c r="F34" s="1329"/>
      <c r="G34" s="778"/>
      <c r="H34" s="1330"/>
      <c r="I34" s="1331"/>
      <c r="J34" s="1331"/>
    </row>
    <row r="35" spans="1:10" ht="20.149999999999999" customHeight="1" x14ac:dyDescent="0.25">
      <c r="A35" s="1332" t="s">
        <v>707</v>
      </c>
      <c r="B35" s="1347" t="s">
        <v>529</v>
      </c>
      <c r="C35" s="1348" t="s">
        <v>529</v>
      </c>
      <c r="D35" s="2894">
        <v>0</v>
      </c>
      <c r="E35" s="2895">
        <v>0</v>
      </c>
      <c r="F35" s="2895">
        <v>0</v>
      </c>
      <c r="G35" s="774">
        <v>0</v>
      </c>
      <c r="H35" s="2896">
        <v>10</v>
      </c>
      <c r="I35" s="2897">
        <v>10</v>
      </c>
      <c r="J35" s="2897">
        <v>10</v>
      </c>
    </row>
    <row r="36" spans="1:10" ht="29" x14ac:dyDescent="0.25">
      <c r="A36" s="1502" t="s">
        <v>547</v>
      </c>
      <c r="B36" s="1347" t="s">
        <v>529</v>
      </c>
      <c r="C36" s="1348" t="s">
        <v>529</v>
      </c>
      <c r="D36" s="2894">
        <v>750</v>
      </c>
      <c r="E36" s="2895">
        <v>750</v>
      </c>
      <c r="F36" s="2895">
        <v>750</v>
      </c>
      <c r="G36" s="774">
        <v>750</v>
      </c>
      <c r="H36" s="2896">
        <v>97</v>
      </c>
      <c r="I36" s="2897">
        <v>97</v>
      </c>
      <c r="J36" s="2897">
        <v>97</v>
      </c>
    </row>
    <row r="37" spans="1:10" ht="15" customHeight="1" x14ac:dyDescent="0.25">
      <c r="A37" s="1332" t="s">
        <v>708</v>
      </c>
      <c r="B37" s="1347" t="s">
        <v>529</v>
      </c>
      <c r="C37" s="1348" t="s">
        <v>529</v>
      </c>
      <c r="D37" s="2894">
        <v>0</v>
      </c>
      <c r="E37" s="2895">
        <v>0</v>
      </c>
      <c r="F37" s="2895">
        <v>0</v>
      </c>
      <c r="G37" s="774">
        <v>0</v>
      </c>
      <c r="H37" s="2896">
        <v>10</v>
      </c>
      <c r="I37" s="2897">
        <v>10</v>
      </c>
      <c r="J37" s="2897">
        <v>10</v>
      </c>
    </row>
    <row r="38" spans="1:10" ht="12" customHeight="1" x14ac:dyDescent="0.25">
      <c r="A38" s="1503" t="s">
        <v>548</v>
      </c>
      <c r="B38" s="1349" t="s">
        <v>529</v>
      </c>
      <c r="C38" s="780" t="s">
        <v>529</v>
      </c>
      <c r="D38" s="2920">
        <v>179</v>
      </c>
      <c r="E38" s="2921">
        <v>197</v>
      </c>
      <c r="F38" s="2921">
        <v>250</v>
      </c>
      <c r="G38" s="780">
        <v>250</v>
      </c>
      <c r="H38" s="2922">
        <v>0</v>
      </c>
      <c r="I38" s="2923">
        <v>0</v>
      </c>
      <c r="J38" s="2923">
        <v>0</v>
      </c>
    </row>
    <row r="39" spans="1:10" ht="12" customHeight="1" x14ac:dyDescent="0.25">
      <c r="A39" s="1350"/>
      <c r="B39" s="1351"/>
      <c r="C39" s="1351"/>
      <c r="D39" s="1351"/>
      <c r="E39" s="1351"/>
      <c r="F39" s="937"/>
      <c r="G39" s="937"/>
      <c r="H39" s="937"/>
      <c r="I39" s="937"/>
      <c r="J39" s="937"/>
    </row>
    <row r="40" spans="1:10" ht="12" customHeight="1" x14ac:dyDescent="0.3">
      <c r="A40" s="3332" t="s">
        <v>857</v>
      </c>
      <c r="B40" s="3332" t="s">
        <v>38</v>
      </c>
      <c r="C40" s="3332" t="s">
        <v>38</v>
      </c>
      <c r="D40" s="3332" t="s">
        <v>38</v>
      </c>
      <c r="E40" s="3332" t="s">
        <v>38</v>
      </c>
      <c r="F40" s="3332" t="s">
        <v>38</v>
      </c>
      <c r="G40" s="3332" t="s">
        <v>38</v>
      </c>
      <c r="H40" s="3332" t="s">
        <v>38</v>
      </c>
      <c r="I40" s="3332" t="s">
        <v>38</v>
      </c>
      <c r="J40" s="3332" t="s">
        <v>38</v>
      </c>
    </row>
    <row r="41" spans="1:10" ht="27" customHeight="1" x14ac:dyDescent="0.3">
      <c r="A41" s="3333" t="s">
        <v>858</v>
      </c>
      <c r="B41" s="3333" t="s">
        <v>38</v>
      </c>
      <c r="C41" s="3333" t="s">
        <v>38</v>
      </c>
      <c r="D41" s="3333" t="s">
        <v>38</v>
      </c>
      <c r="E41" s="3333" t="s">
        <v>38</v>
      </c>
      <c r="F41" s="3333" t="s">
        <v>38</v>
      </c>
      <c r="G41" s="3333" t="s">
        <v>38</v>
      </c>
      <c r="H41" s="3333" t="s">
        <v>38</v>
      </c>
      <c r="I41" s="3333" t="s">
        <v>38</v>
      </c>
      <c r="J41" s="3333" t="s">
        <v>38</v>
      </c>
    </row>
    <row r="42" spans="1:10" ht="13" x14ac:dyDescent="0.3">
      <c r="A42" s="3332" t="s">
        <v>859</v>
      </c>
      <c r="B42" s="3332" t="s">
        <v>38</v>
      </c>
      <c r="C42" s="3332" t="s">
        <v>38</v>
      </c>
      <c r="D42" s="3332" t="s">
        <v>38</v>
      </c>
      <c r="E42" s="3332" t="s">
        <v>38</v>
      </c>
      <c r="F42" s="3332" t="s">
        <v>38</v>
      </c>
      <c r="G42" s="3332" t="s">
        <v>38</v>
      </c>
      <c r="H42" s="3332" t="s">
        <v>38</v>
      </c>
      <c r="I42" s="3332" t="s">
        <v>38</v>
      </c>
      <c r="J42" s="3332" t="s">
        <v>38</v>
      </c>
    </row>
    <row r="43" spans="1:10" ht="38.25" customHeight="1" x14ac:dyDescent="0.3">
      <c r="A43" s="3333" t="s">
        <v>860</v>
      </c>
      <c r="B43" s="3333"/>
      <c r="C43" s="3333"/>
      <c r="D43" s="3333"/>
      <c r="E43" s="3333"/>
      <c r="F43" s="3333"/>
      <c r="G43" s="3333"/>
      <c r="H43" s="3333"/>
      <c r="I43" s="3333"/>
      <c r="J43" s="3333"/>
    </row>
    <row r="44" spans="1:10" ht="27.75" customHeight="1" x14ac:dyDescent="0.3">
      <c r="A44" s="3333" t="s">
        <v>861</v>
      </c>
      <c r="B44" s="3333"/>
      <c r="C44" s="3333"/>
      <c r="D44" s="3333"/>
      <c r="E44" s="3333"/>
      <c r="F44" s="3333"/>
      <c r="G44" s="3333"/>
      <c r="H44" s="3333"/>
      <c r="I44" s="3333"/>
      <c r="J44" s="3333"/>
    </row>
    <row r="45" spans="1:10" ht="13" x14ac:dyDescent="0.3">
      <c r="A45" s="3332" t="s">
        <v>549</v>
      </c>
      <c r="B45" s="3332" t="s">
        <v>38</v>
      </c>
      <c r="C45" s="3332" t="s">
        <v>38</v>
      </c>
      <c r="D45" s="3332" t="s">
        <v>38</v>
      </c>
      <c r="E45" s="3332" t="s">
        <v>38</v>
      </c>
      <c r="F45" s="3332" t="s">
        <v>38</v>
      </c>
      <c r="G45" s="3332" t="s">
        <v>38</v>
      </c>
      <c r="H45" s="3332" t="s">
        <v>38</v>
      </c>
      <c r="I45" s="3332" t="s">
        <v>38</v>
      </c>
      <c r="J45" s="3332" t="s">
        <v>38</v>
      </c>
    </row>
  </sheetData>
  <mergeCells count="12">
    <mergeCell ref="A42:J42"/>
    <mergeCell ref="A43:J43"/>
    <mergeCell ref="A44:J44"/>
    <mergeCell ref="A45:J45"/>
    <mergeCell ref="A40:J40"/>
    <mergeCell ref="A41:J41"/>
    <mergeCell ref="A2:J2"/>
    <mergeCell ref="B3:C3"/>
    <mergeCell ref="D3:G3"/>
    <mergeCell ref="H3:J3"/>
    <mergeCell ref="D5:G5"/>
    <mergeCell ref="H5:J5"/>
  </mergeCells>
  <hyperlinks>
    <hyperlink ref="A1" location="TDM!A1" display="Retour à la table des matières" xr:uid="{00000000-0004-0000-2000-000000000000}"/>
  </hyperlinks>
  <printOptions horizontalCentered="1"/>
  <pageMargins left="0.51181102362204722" right="0.51181102362204722" top="0.51181102362204722" bottom="0.51181102362204722" header="0.23622047244094491" footer="0.23622047244094491"/>
  <pageSetup scale="59" orientation="landscape" r:id="rId1"/>
  <headerFooter>
    <oddFooter>&amp;L&amp;G&amp;C&amp;"Scotia,Regular"&amp;9Informations financières supplémentaires (IFS)&amp;R&amp;"Scotia,Regular"&amp;9&amp;A</oddFooter>
  </headerFooter>
  <legacyDrawingHF r:id="rId2"/>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081ED2-0F5B-4E7C-BE6E-9A0AA8783EE0}">
  <sheetPr>
    <pageSetUpPr fitToPage="1"/>
  </sheetPr>
  <dimension ref="A1:N44"/>
  <sheetViews>
    <sheetView showGridLines="0" zoomScaleNormal="100" workbookViewId="0"/>
  </sheetViews>
  <sheetFormatPr defaultColWidth="8.7265625" defaultRowHeight="12.5" x14ac:dyDescent="0.25"/>
  <cols>
    <col min="1" max="1" width="75.1796875" style="25" customWidth="1"/>
    <col min="2" max="14" width="11.7265625" style="25" customWidth="1"/>
    <col min="15" max="16384" width="8.7265625" style="25"/>
  </cols>
  <sheetData>
    <row r="1" spans="1:14" ht="20.149999999999999" customHeight="1" x14ac:dyDescent="0.25">
      <c r="A1" s="24" t="s">
        <v>37</v>
      </c>
    </row>
    <row r="2" spans="1:14" ht="25" customHeight="1" x14ac:dyDescent="0.25">
      <c r="A2" s="3339" t="s">
        <v>862</v>
      </c>
      <c r="B2" s="3339" t="s">
        <v>38</v>
      </c>
      <c r="C2" s="3339" t="s">
        <v>38</v>
      </c>
      <c r="D2" s="3339" t="s">
        <v>38</v>
      </c>
      <c r="E2" s="3339" t="s">
        <v>38</v>
      </c>
      <c r="F2" s="3339" t="s">
        <v>38</v>
      </c>
      <c r="G2" s="3339" t="s">
        <v>38</v>
      </c>
      <c r="H2" s="3339" t="s">
        <v>38</v>
      </c>
      <c r="I2" s="3339" t="s">
        <v>38</v>
      </c>
      <c r="J2" s="3339" t="s">
        <v>38</v>
      </c>
      <c r="K2" s="3339" t="s">
        <v>38</v>
      </c>
      <c r="L2" s="3339" t="s">
        <v>38</v>
      </c>
      <c r="M2" s="3339" t="s">
        <v>38</v>
      </c>
      <c r="N2" s="3339" t="s">
        <v>38</v>
      </c>
    </row>
    <row r="3" spans="1:14" ht="15" customHeight="1" x14ac:dyDescent="0.25">
      <c r="A3" s="1352"/>
      <c r="B3" s="3340" t="s">
        <v>174</v>
      </c>
      <c r="C3" s="3341" t="s">
        <v>38</v>
      </c>
      <c r="D3" s="3342" t="s">
        <v>240</v>
      </c>
      <c r="E3" s="3343" t="s">
        <v>38</v>
      </c>
      <c r="F3" s="3343" t="s">
        <v>38</v>
      </c>
      <c r="G3" s="3344" t="s">
        <v>38</v>
      </c>
      <c r="H3" s="3342" t="s">
        <v>241</v>
      </c>
      <c r="I3" s="3343" t="s">
        <v>38</v>
      </c>
      <c r="J3" s="3343" t="s">
        <v>38</v>
      </c>
      <c r="K3" s="3342" t="s">
        <v>716</v>
      </c>
      <c r="L3" s="3345" t="s">
        <v>38</v>
      </c>
      <c r="M3" s="3343" t="s">
        <v>717</v>
      </c>
      <c r="N3" s="3343" t="s">
        <v>38</v>
      </c>
    </row>
    <row r="4" spans="1:14" ht="15" customHeight="1" x14ac:dyDescent="0.25">
      <c r="A4" s="1353" t="s">
        <v>46</v>
      </c>
      <c r="B4" s="1354" t="s">
        <v>49</v>
      </c>
      <c r="C4" s="1355" t="s">
        <v>45</v>
      </c>
      <c r="D4" s="1356" t="s">
        <v>569</v>
      </c>
      <c r="E4" s="1357" t="s">
        <v>570</v>
      </c>
      <c r="F4" s="1357" t="s">
        <v>49</v>
      </c>
      <c r="G4" s="1355" t="s">
        <v>45</v>
      </c>
      <c r="H4" s="1358" t="s">
        <v>569</v>
      </c>
      <c r="I4" s="1359" t="s">
        <v>570</v>
      </c>
      <c r="J4" s="1359" t="s">
        <v>49</v>
      </c>
      <c r="K4" s="1360">
        <v>2023</v>
      </c>
      <c r="L4" s="1361">
        <v>2022</v>
      </c>
      <c r="M4" s="1362">
        <v>2022</v>
      </c>
      <c r="N4" s="1363">
        <v>2021</v>
      </c>
    </row>
    <row r="5" spans="1:14" ht="15" customHeight="1" x14ac:dyDescent="0.35">
      <c r="A5" s="1364" t="s">
        <v>301</v>
      </c>
      <c r="B5" s="1365"/>
      <c r="C5" s="1366"/>
      <c r="D5" s="1367"/>
      <c r="E5" s="1365"/>
      <c r="F5" s="1365"/>
      <c r="G5" s="1368"/>
      <c r="H5" s="1369"/>
      <c r="I5" s="1370"/>
      <c r="J5" s="1370"/>
      <c r="K5" s="1369"/>
      <c r="L5" s="1371"/>
      <c r="M5" s="1370"/>
      <c r="N5" s="1370"/>
    </row>
    <row r="6" spans="1:14" ht="15" customHeight="1" x14ac:dyDescent="0.35">
      <c r="A6" s="1372" t="s">
        <v>551</v>
      </c>
      <c r="B6" s="1373"/>
      <c r="C6" s="1374"/>
      <c r="D6" s="1375"/>
      <c r="E6" s="1376"/>
      <c r="F6" s="1376"/>
      <c r="G6" s="1374"/>
      <c r="H6" s="1377"/>
      <c r="I6" s="1378"/>
      <c r="J6" s="1378"/>
      <c r="K6" s="1377"/>
      <c r="L6" s="1379"/>
      <c r="M6" s="1378"/>
      <c r="N6" s="1378"/>
    </row>
    <row r="7" spans="1:14" ht="15" customHeight="1" x14ac:dyDescent="0.35">
      <c r="A7" s="1380" t="s">
        <v>244</v>
      </c>
      <c r="B7" s="2924">
        <v>798</v>
      </c>
      <c r="C7" s="2925">
        <v>802</v>
      </c>
      <c r="D7" s="2926">
        <v>850</v>
      </c>
      <c r="E7" s="2927">
        <v>729</v>
      </c>
      <c r="F7" s="2927">
        <v>708</v>
      </c>
      <c r="G7" s="2925">
        <v>668</v>
      </c>
      <c r="H7" s="2928">
        <v>622</v>
      </c>
      <c r="I7" s="2929">
        <v>649</v>
      </c>
      <c r="J7" s="2929">
        <v>620</v>
      </c>
      <c r="K7" s="2928">
        <v>1600</v>
      </c>
      <c r="L7" s="2930">
        <v>1376</v>
      </c>
      <c r="M7" s="2929">
        <v>2955</v>
      </c>
      <c r="N7" s="2929">
        <v>2518</v>
      </c>
    </row>
    <row r="8" spans="1:14" ht="15" customHeight="1" x14ac:dyDescent="0.35">
      <c r="A8" s="1380" t="s">
        <v>243</v>
      </c>
      <c r="B8" s="2924">
        <v>554</v>
      </c>
      <c r="C8" s="2925">
        <v>701</v>
      </c>
      <c r="D8" s="2926">
        <v>504</v>
      </c>
      <c r="E8" s="2927">
        <v>423</v>
      </c>
      <c r="F8" s="2927">
        <v>554</v>
      </c>
      <c r="G8" s="2925">
        <v>736</v>
      </c>
      <c r="H8" s="2928">
        <v>555</v>
      </c>
      <c r="I8" s="2929">
        <v>604</v>
      </c>
      <c r="J8" s="2929">
        <v>637</v>
      </c>
      <c r="K8" s="2931">
        <v>1255</v>
      </c>
      <c r="L8" s="2930">
        <v>1290</v>
      </c>
      <c r="M8" s="2929">
        <v>2217</v>
      </c>
      <c r="N8" s="2929">
        <v>2505</v>
      </c>
    </row>
    <row r="9" spans="1:14" ht="15" customHeight="1" x14ac:dyDescent="0.35">
      <c r="A9" s="1381" t="s">
        <v>552</v>
      </c>
      <c r="B9" s="2924">
        <v>1352</v>
      </c>
      <c r="C9" s="2932">
        <v>1503</v>
      </c>
      <c r="D9" s="2926">
        <v>1354</v>
      </c>
      <c r="E9" s="2927">
        <v>1152</v>
      </c>
      <c r="F9" s="2927">
        <v>1262</v>
      </c>
      <c r="G9" s="2925">
        <v>1404</v>
      </c>
      <c r="H9" s="2928">
        <v>1177</v>
      </c>
      <c r="I9" s="2929">
        <v>1253</v>
      </c>
      <c r="J9" s="2929">
        <v>1257</v>
      </c>
      <c r="K9" s="2928">
        <v>2855</v>
      </c>
      <c r="L9" s="2930">
        <v>2666</v>
      </c>
      <c r="M9" s="2929">
        <v>5172</v>
      </c>
      <c r="N9" s="2929">
        <v>5023</v>
      </c>
    </row>
    <row r="10" spans="1:14" ht="15" customHeight="1" x14ac:dyDescent="0.35">
      <c r="A10" s="1382" t="s">
        <v>72</v>
      </c>
      <c r="B10" s="2924">
        <v>401</v>
      </c>
      <c r="C10" s="2925">
        <v>519</v>
      </c>
      <c r="D10" s="2926">
        <v>484</v>
      </c>
      <c r="E10" s="2927">
        <v>378</v>
      </c>
      <c r="F10" s="2927">
        <v>488</v>
      </c>
      <c r="G10" s="2925">
        <v>561</v>
      </c>
      <c r="H10" s="2928">
        <v>502</v>
      </c>
      <c r="I10" s="2929">
        <v>513</v>
      </c>
      <c r="J10" s="2929">
        <v>517</v>
      </c>
      <c r="K10" s="2928">
        <v>920</v>
      </c>
      <c r="L10" s="2930">
        <v>1049</v>
      </c>
      <c r="M10" s="2929">
        <v>1911</v>
      </c>
      <c r="N10" s="2929">
        <v>2075</v>
      </c>
    </row>
    <row r="11" spans="1:14" ht="15" customHeight="1" x14ac:dyDescent="0.35">
      <c r="A11" s="1382" t="s">
        <v>807</v>
      </c>
      <c r="B11" s="2924">
        <v>0</v>
      </c>
      <c r="C11" s="2925">
        <v>0</v>
      </c>
      <c r="D11" s="2926">
        <v>0</v>
      </c>
      <c r="E11" s="2927">
        <v>0</v>
      </c>
      <c r="F11" s="2927">
        <v>0</v>
      </c>
      <c r="G11" s="2925">
        <v>0</v>
      </c>
      <c r="H11" s="2928">
        <v>0</v>
      </c>
      <c r="I11" s="2929">
        <v>0</v>
      </c>
      <c r="J11" s="2929">
        <v>0</v>
      </c>
      <c r="K11" s="2928">
        <v>0</v>
      </c>
      <c r="L11" s="2930">
        <v>0</v>
      </c>
      <c r="M11" s="2929">
        <v>0</v>
      </c>
      <c r="N11" s="2929">
        <v>0</v>
      </c>
    </row>
    <row r="12" spans="1:14" ht="29" x14ac:dyDescent="0.35">
      <c r="A12" s="1504" t="s">
        <v>764</v>
      </c>
      <c r="B12" s="2924">
        <v>401</v>
      </c>
      <c r="C12" s="2925">
        <v>519</v>
      </c>
      <c r="D12" s="2926">
        <v>484</v>
      </c>
      <c r="E12" s="2927">
        <v>378</v>
      </c>
      <c r="F12" s="2927">
        <v>488</v>
      </c>
      <c r="G12" s="2925">
        <v>561</v>
      </c>
      <c r="H12" s="2928">
        <v>502</v>
      </c>
      <c r="I12" s="2929">
        <v>513</v>
      </c>
      <c r="J12" s="2929">
        <v>517</v>
      </c>
      <c r="K12" s="2928">
        <v>920</v>
      </c>
      <c r="L12" s="2930">
        <v>1049</v>
      </c>
      <c r="M12" s="2929">
        <v>1911</v>
      </c>
      <c r="N12" s="2929">
        <v>2075</v>
      </c>
    </row>
    <row r="13" spans="1:14" ht="15" customHeight="1" x14ac:dyDescent="0.35">
      <c r="A13" s="1364" t="s">
        <v>697</v>
      </c>
      <c r="B13" s="2933"/>
      <c r="C13" s="2934"/>
      <c r="D13" s="2935"/>
      <c r="E13" s="2936"/>
      <c r="F13" s="2936"/>
      <c r="G13" s="2937"/>
      <c r="H13" s="2938"/>
      <c r="I13" s="2939"/>
      <c r="J13" s="2939"/>
      <c r="K13" s="2938"/>
      <c r="L13" s="2940"/>
      <c r="M13" s="2939"/>
      <c r="N13" s="2939"/>
    </row>
    <row r="14" spans="1:14" ht="15" customHeight="1" x14ac:dyDescent="0.35">
      <c r="A14" s="1382" t="s">
        <v>578</v>
      </c>
      <c r="B14" s="2941">
        <v>487.9</v>
      </c>
      <c r="C14" s="2942">
        <v>480.5</v>
      </c>
      <c r="D14" s="2943">
        <v>460.9</v>
      </c>
      <c r="E14" s="2944">
        <v>443</v>
      </c>
      <c r="F14" s="2944">
        <v>431.3</v>
      </c>
      <c r="G14" s="2942">
        <v>444.2</v>
      </c>
      <c r="H14" s="2945">
        <v>408.5</v>
      </c>
      <c r="I14" s="2946">
        <v>400.9</v>
      </c>
      <c r="J14" s="2946">
        <v>399</v>
      </c>
      <c r="K14" s="2947">
        <v>484.1</v>
      </c>
      <c r="L14" s="2948">
        <v>437.9</v>
      </c>
      <c r="M14" s="2946">
        <v>445</v>
      </c>
      <c r="N14" s="2946">
        <v>400.9</v>
      </c>
    </row>
    <row r="15" spans="1:14" ht="15" customHeight="1" x14ac:dyDescent="0.35">
      <c r="A15" s="1382" t="s">
        <v>583</v>
      </c>
      <c r="B15" s="2941">
        <v>446</v>
      </c>
      <c r="C15" s="2942">
        <v>454.7</v>
      </c>
      <c r="D15" s="2943">
        <v>430</v>
      </c>
      <c r="E15" s="2944">
        <v>419.2</v>
      </c>
      <c r="F15" s="2944">
        <v>400.1</v>
      </c>
      <c r="G15" s="2942">
        <v>406.7</v>
      </c>
      <c r="H15" s="2945">
        <v>382.1</v>
      </c>
      <c r="I15" s="2946">
        <v>373.4</v>
      </c>
      <c r="J15" s="2946">
        <v>398.1</v>
      </c>
      <c r="K15" s="2947">
        <v>450.4</v>
      </c>
      <c r="L15" s="2948">
        <v>403.5</v>
      </c>
      <c r="M15" s="2946">
        <v>414.1</v>
      </c>
      <c r="N15" s="2946">
        <v>385.1</v>
      </c>
    </row>
    <row r="16" spans="1:14" ht="15" customHeight="1" x14ac:dyDescent="0.35">
      <c r="A16" s="1383"/>
      <c r="B16" s="1384"/>
      <c r="C16" s="1385"/>
      <c r="D16" s="1386"/>
      <c r="E16" s="1387"/>
      <c r="F16" s="1387"/>
      <c r="G16" s="1385"/>
      <c r="H16" s="2949"/>
      <c r="I16" s="2950"/>
      <c r="J16" s="2950"/>
      <c r="K16" s="2949"/>
      <c r="L16" s="2951"/>
      <c r="M16" s="2950"/>
      <c r="N16" s="2950"/>
    </row>
    <row r="17" spans="1:14" ht="15" customHeight="1" x14ac:dyDescent="0.35">
      <c r="A17" s="1364" t="s">
        <v>667</v>
      </c>
      <c r="B17" s="2952"/>
      <c r="C17" s="2953"/>
      <c r="D17" s="2954"/>
      <c r="E17" s="2955"/>
      <c r="F17" s="2955"/>
      <c r="G17" s="2953"/>
      <c r="H17" s="2956"/>
      <c r="I17" s="2957"/>
      <c r="J17" s="2957"/>
      <c r="K17" s="2956"/>
      <c r="L17" s="2958"/>
      <c r="M17" s="2957"/>
      <c r="N17" s="2957"/>
    </row>
    <row r="18" spans="1:14" ht="15" customHeight="1" x14ac:dyDescent="0.35">
      <c r="A18" s="1372" t="s">
        <v>550</v>
      </c>
      <c r="B18" s="1388"/>
      <c r="C18" s="1374"/>
      <c r="D18" s="1375"/>
      <c r="E18" s="1376"/>
      <c r="F18" s="1376"/>
      <c r="G18" s="1374"/>
      <c r="H18" s="2959"/>
      <c r="I18" s="2960"/>
      <c r="J18" s="2960"/>
      <c r="K18" s="2959"/>
      <c r="L18" s="2961"/>
      <c r="M18" s="2960"/>
      <c r="N18" s="2960"/>
    </row>
    <row r="19" spans="1:14" ht="15" customHeight="1" x14ac:dyDescent="0.35">
      <c r="A19" s="1380" t="s">
        <v>244</v>
      </c>
      <c r="B19" s="2924">
        <v>351</v>
      </c>
      <c r="C19" s="2925">
        <v>355</v>
      </c>
      <c r="D19" s="2926">
        <v>323</v>
      </c>
      <c r="E19" s="2927">
        <v>263</v>
      </c>
      <c r="F19" s="2927">
        <v>257</v>
      </c>
      <c r="G19" s="2925">
        <v>248</v>
      </c>
      <c r="H19" s="2928">
        <v>210</v>
      </c>
      <c r="I19" s="2929">
        <v>206</v>
      </c>
      <c r="J19" s="2929">
        <v>215</v>
      </c>
      <c r="K19" s="2928">
        <v>706</v>
      </c>
      <c r="L19" s="2962">
        <v>505</v>
      </c>
      <c r="M19" s="2929">
        <v>1091</v>
      </c>
      <c r="N19" s="2929">
        <v>848</v>
      </c>
    </row>
    <row r="20" spans="1:14" ht="15" customHeight="1" x14ac:dyDescent="0.35">
      <c r="A20" s="1380" t="s">
        <v>243</v>
      </c>
      <c r="B20" s="2924">
        <v>216</v>
      </c>
      <c r="C20" s="2925">
        <v>244</v>
      </c>
      <c r="D20" s="2926">
        <v>175</v>
      </c>
      <c r="E20" s="2927">
        <v>148</v>
      </c>
      <c r="F20" s="2927">
        <v>152</v>
      </c>
      <c r="G20" s="2925">
        <v>195</v>
      </c>
      <c r="H20" s="2928">
        <v>134</v>
      </c>
      <c r="I20" s="2929">
        <v>169</v>
      </c>
      <c r="J20" s="2929">
        <v>147</v>
      </c>
      <c r="K20" s="2928">
        <v>460</v>
      </c>
      <c r="L20" s="2962">
        <v>347</v>
      </c>
      <c r="M20" s="2929">
        <v>670</v>
      </c>
      <c r="N20" s="2929">
        <v>637</v>
      </c>
    </row>
    <row r="21" spans="1:14" ht="15" customHeight="1" x14ac:dyDescent="0.35">
      <c r="A21" s="1381" t="s">
        <v>75</v>
      </c>
      <c r="B21" s="2924">
        <v>567</v>
      </c>
      <c r="C21" s="2925">
        <v>599</v>
      </c>
      <c r="D21" s="2926">
        <v>498</v>
      </c>
      <c r="E21" s="2927">
        <v>411</v>
      </c>
      <c r="F21" s="2927">
        <v>409</v>
      </c>
      <c r="G21" s="2925">
        <v>443</v>
      </c>
      <c r="H21" s="2928">
        <v>344</v>
      </c>
      <c r="I21" s="2929">
        <v>375</v>
      </c>
      <c r="J21" s="2929">
        <v>362</v>
      </c>
      <c r="K21" s="2963">
        <v>1166</v>
      </c>
      <c r="L21" s="2962">
        <v>852</v>
      </c>
      <c r="M21" s="2929">
        <v>1761</v>
      </c>
      <c r="N21" s="2929">
        <v>1485</v>
      </c>
    </row>
    <row r="22" spans="1:14" ht="15" customHeight="1" x14ac:dyDescent="0.35">
      <c r="A22" s="1381" t="s">
        <v>54</v>
      </c>
      <c r="B22" s="2924">
        <v>283</v>
      </c>
      <c r="C22" s="2925">
        <v>317</v>
      </c>
      <c r="D22" s="2926">
        <v>245</v>
      </c>
      <c r="E22" s="2927">
        <v>201</v>
      </c>
      <c r="F22" s="2927">
        <v>197</v>
      </c>
      <c r="G22" s="2925">
        <v>218</v>
      </c>
      <c r="H22" s="2928">
        <v>192</v>
      </c>
      <c r="I22" s="2929">
        <v>199</v>
      </c>
      <c r="J22" s="2929">
        <v>189</v>
      </c>
      <c r="K22" s="2963">
        <v>600</v>
      </c>
      <c r="L22" s="2962">
        <v>415</v>
      </c>
      <c r="M22" s="2929">
        <v>861</v>
      </c>
      <c r="N22" s="2929">
        <v>774</v>
      </c>
    </row>
    <row r="23" spans="1:14" ht="15" customHeight="1" x14ac:dyDescent="0.35">
      <c r="A23" s="1381" t="s">
        <v>555</v>
      </c>
      <c r="B23" s="2924">
        <v>7</v>
      </c>
      <c r="C23" s="2925">
        <v>16</v>
      </c>
      <c r="D23" s="2926">
        <v>13</v>
      </c>
      <c r="E23" s="2927">
        <v>9</v>
      </c>
      <c r="F23" s="2927">
        <v>12</v>
      </c>
      <c r="G23" s="2925">
        <v>18</v>
      </c>
      <c r="H23" s="2928">
        <v>12</v>
      </c>
      <c r="I23" s="2929">
        <v>17</v>
      </c>
      <c r="J23" s="2929">
        <v>20</v>
      </c>
      <c r="K23" s="2963">
        <v>23</v>
      </c>
      <c r="L23" s="2962">
        <v>30</v>
      </c>
      <c r="M23" s="2929">
        <v>52</v>
      </c>
      <c r="N23" s="2929">
        <v>69</v>
      </c>
    </row>
    <row r="24" spans="1:14" ht="29" x14ac:dyDescent="0.35">
      <c r="A24" s="1504" t="s">
        <v>556</v>
      </c>
      <c r="B24" s="2924">
        <v>276</v>
      </c>
      <c r="C24" s="2925">
        <v>301</v>
      </c>
      <c r="D24" s="2926">
        <v>232</v>
      </c>
      <c r="E24" s="2927">
        <v>192</v>
      </c>
      <c r="F24" s="2927">
        <v>185</v>
      </c>
      <c r="G24" s="2925">
        <v>200</v>
      </c>
      <c r="H24" s="2928">
        <v>180</v>
      </c>
      <c r="I24" s="2929">
        <v>182</v>
      </c>
      <c r="J24" s="2929">
        <v>169</v>
      </c>
      <c r="K24" s="2931">
        <v>577</v>
      </c>
      <c r="L24" s="2962">
        <v>385</v>
      </c>
      <c r="M24" s="2929">
        <v>809</v>
      </c>
      <c r="N24" s="2929">
        <v>705</v>
      </c>
    </row>
    <row r="25" spans="1:14" ht="15" customHeight="1" x14ac:dyDescent="0.35">
      <c r="A25" s="1364" t="s">
        <v>697</v>
      </c>
      <c r="B25" s="2933"/>
      <c r="C25" s="2934"/>
      <c r="D25" s="2935"/>
      <c r="E25" s="2936"/>
      <c r="F25" s="2936"/>
      <c r="G25" s="2937"/>
      <c r="H25" s="2938"/>
      <c r="I25" s="2939"/>
      <c r="J25" s="2939"/>
      <c r="K25" s="2938"/>
      <c r="L25" s="2940"/>
      <c r="M25" s="2939"/>
      <c r="N25" s="2939"/>
    </row>
    <row r="26" spans="1:14" ht="15" customHeight="1" x14ac:dyDescent="0.35">
      <c r="A26" s="1382" t="s">
        <v>578</v>
      </c>
      <c r="B26" s="2941">
        <v>75.2</v>
      </c>
      <c r="C26" s="2942">
        <v>68.599999999999994</v>
      </c>
      <c r="D26" s="2943">
        <v>64.8</v>
      </c>
      <c r="E26" s="2944">
        <v>62.6</v>
      </c>
      <c r="F26" s="2944">
        <v>57.8</v>
      </c>
      <c r="G26" s="2942">
        <v>55.1</v>
      </c>
      <c r="H26" s="2945">
        <v>52.7</v>
      </c>
      <c r="I26" s="2946">
        <v>48.8</v>
      </c>
      <c r="J26" s="2946">
        <v>50.3</v>
      </c>
      <c r="K26" s="2947">
        <v>71.8</v>
      </c>
      <c r="L26" s="2948">
        <v>56.5</v>
      </c>
      <c r="M26" s="2964">
        <v>60.1</v>
      </c>
      <c r="N26" s="2964">
        <v>51.1</v>
      </c>
    </row>
    <row r="27" spans="1:14" ht="15" customHeight="1" x14ac:dyDescent="0.35">
      <c r="A27" s="1382" t="s">
        <v>583</v>
      </c>
      <c r="B27" s="2941">
        <v>57.1</v>
      </c>
      <c r="C27" s="2942">
        <v>53.5</v>
      </c>
      <c r="D27" s="2943">
        <v>49.6</v>
      </c>
      <c r="E27" s="2944">
        <v>45.9</v>
      </c>
      <c r="F27" s="2944">
        <v>44.4</v>
      </c>
      <c r="G27" s="2942">
        <v>41.4</v>
      </c>
      <c r="H27" s="2945">
        <v>38.6</v>
      </c>
      <c r="I27" s="2946">
        <v>40.299999999999997</v>
      </c>
      <c r="J27" s="2946">
        <v>39.9</v>
      </c>
      <c r="K27" s="2947">
        <v>55.3</v>
      </c>
      <c r="L27" s="2948">
        <v>42.9</v>
      </c>
      <c r="M27" s="2964">
        <v>45.3</v>
      </c>
      <c r="N27" s="2964">
        <v>39.4</v>
      </c>
    </row>
    <row r="28" spans="1:14" ht="15" customHeight="1" x14ac:dyDescent="0.35">
      <c r="A28" s="1383"/>
      <c r="B28" s="1384"/>
      <c r="C28" s="1385"/>
      <c r="D28" s="1389"/>
      <c r="E28" s="1387"/>
      <c r="F28" s="1387"/>
      <c r="G28" s="1385"/>
      <c r="H28" s="2949"/>
      <c r="I28" s="2950"/>
      <c r="J28" s="2950"/>
      <c r="K28" s="2965"/>
      <c r="L28" s="2966"/>
      <c r="M28" s="2967"/>
      <c r="N28" s="2967"/>
    </row>
    <row r="29" spans="1:14" ht="15" customHeight="1" x14ac:dyDescent="0.35">
      <c r="A29" s="1390" t="s">
        <v>557</v>
      </c>
      <c r="B29" s="2952"/>
      <c r="C29" s="2953"/>
      <c r="D29" s="2954"/>
      <c r="E29" s="2955"/>
      <c r="F29" s="2955"/>
      <c r="G29" s="2953"/>
      <c r="H29" s="2956"/>
      <c r="I29" s="2957"/>
      <c r="J29" s="2957"/>
      <c r="K29" s="2956"/>
      <c r="L29" s="2958"/>
      <c r="M29" s="2957"/>
      <c r="N29" s="2957"/>
    </row>
    <row r="30" spans="1:14" ht="15" customHeight="1" x14ac:dyDescent="0.35">
      <c r="A30" s="1372" t="s">
        <v>550</v>
      </c>
      <c r="B30" s="1388"/>
      <c r="C30" s="1374"/>
      <c r="D30" s="1375"/>
      <c r="E30" s="1376"/>
      <c r="F30" s="1376"/>
      <c r="G30" s="1374"/>
      <c r="H30" s="2959"/>
      <c r="I30" s="2960"/>
      <c r="J30" s="2960"/>
      <c r="K30" s="2959"/>
      <c r="L30" s="2961"/>
      <c r="M30" s="2960"/>
      <c r="N30" s="2960"/>
    </row>
    <row r="31" spans="1:14" ht="15" customHeight="1" x14ac:dyDescent="0.35">
      <c r="A31" s="1380" t="s">
        <v>244</v>
      </c>
      <c r="B31" s="2924">
        <v>1149</v>
      </c>
      <c r="C31" s="2925">
        <v>1157</v>
      </c>
      <c r="D31" s="2926">
        <v>1173</v>
      </c>
      <c r="E31" s="2927">
        <v>992</v>
      </c>
      <c r="F31" s="2927">
        <v>965</v>
      </c>
      <c r="G31" s="2925">
        <v>916</v>
      </c>
      <c r="H31" s="2928">
        <v>832</v>
      </c>
      <c r="I31" s="2929">
        <v>855</v>
      </c>
      <c r="J31" s="2929">
        <v>835</v>
      </c>
      <c r="K31" s="2931">
        <v>2306</v>
      </c>
      <c r="L31" s="2968">
        <v>1881</v>
      </c>
      <c r="M31" s="2929">
        <v>4046</v>
      </c>
      <c r="N31" s="2929">
        <v>3366</v>
      </c>
    </row>
    <row r="32" spans="1:14" ht="15" customHeight="1" x14ac:dyDescent="0.35">
      <c r="A32" s="1380" t="s">
        <v>243</v>
      </c>
      <c r="B32" s="2924">
        <v>770</v>
      </c>
      <c r="C32" s="2925">
        <v>945</v>
      </c>
      <c r="D32" s="2926">
        <v>679</v>
      </c>
      <c r="E32" s="2927">
        <v>571</v>
      </c>
      <c r="F32" s="2927">
        <v>706</v>
      </c>
      <c r="G32" s="2925">
        <v>931</v>
      </c>
      <c r="H32" s="2928">
        <v>689</v>
      </c>
      <c r="I32" s="2929">
        <v>773</v>
      </c>
      <c r="J32" s="2929">
        <v>784</v>
      </c>
      <c r="K32" s="2931">
        <v>1715</v>
      </c>
      <c r="L32" s="2968">
        <v>1637</v>
      </c>
      <c r="M32" s="2929">
        <v>2887</v>
      </c>
      <c r="N32" s="2929">
        <v>3142</v>
      </c>
    </row>
    <row r="33" spans="1:14" ht="15" customHeight="1" x14ac:dyDescent="0.35">
      <c r="A33" s="1381" t="s">
        <v>75</v>
      </c>
      <c r="B33" s="2924">
        <v>1919</v>
      </c>
      <c r="C33" s="2925">
        <v>2102</v>
      </c>
      <c r="D33" s="2926">
        <v>1852</v>
      </c>
      <c r="E33" s="2927">
        <v>1563</v>
      </c>
      <c r="F33" s="2927">
        <v>1671</v>
      </c>
      <c r="G33" s="2925">
        <v>1847</v>
      </c>
      <c r="H33" s="2928">
        <v>1521</v>
      </c>
      <c r="I33" s="2929">
        <v>1628</v>
      </c>
      <c r="J33" s="2929">
        <v>1619</v>
      </c>
      <c r="K33" s="2931">
        <v>4021</v>
      </c>
      <c r="L33" s="2968">
        <v>3518</v>
      </c>
      <c r="M33" s="2929">
        <v>6933</v>
      </c>
      <c r="N33" s="2929">
        <v>6508</v>
      </c>
    </row>
    <row r="34" spans="1:14" ht="15" customHeight="1" x14ac:dyDescent="0.35">
      <c r="A34" s="1382" t="s">
        <v>72</v>
      </c>
      <c r="B34" s="2924">
        <v>684</v>
      </c>
      <c r="C34" s="2925">
        <v>836</v>
      </c>
      <c r="D34" s="2926">
        <v>729</v>
      </c>
      <c r="E34" s="2927">
        <v>579</v>
      </c>
      <c r="F34" s="2927">
        <v>685</v>
      </c>
      <c r="G34" s="2925">
        <v>779</v>
      </c>
      <c r="H34" s="2928">
        <v>694</v>
      </c>
      <c r="I34" s="2929">
        <v>712</v>
      </c>
      <c r="J34" s="2929">
        <v>706</v>
      </c>
      <c r="K34" s="2963">
        <v>1520</v>
      </c>
      <c r="L34" s="2969">
        <v>1464</v>
      </c>
      <c r="M34" s="2929">
        <v>2772</v>
      </c>
      <c r="N34" s="2929">
        <v>2849</v>
      </c>
    </row>
    <row r="35" spans="1:14" ht="15" customHeight="1" x14ac:dyDescent="0.35">
      <c r="A35" s="1382" t="s">
        <v>807</v>
      </c>
      <c r="B35" s="2924">
        <v>7</v>
      </c>
      <c r="C35" s="2925">
        <v>16</v>
      </c>
      <c r="D35" s="2926">
        <v>13</v>
      </c>
      <c r="E35" s="2927">
        <v>9</v>
      </c>
      <c r="F35" s="2927">
        <v>12</v>
      </c>
      <c r="G35" s="2925">
        <v>18</v>
      </c>
      <c r="H35" s="2928">
        <v>12</v>
      </c>
      <c r="I35" s="2929">
        <v>17</v>
      </c>
      <c r="J35" s="2929">
        <v>20</v>
      </c>
      <c r="K35" s="2963">
        <v>23</v>
      </c>
      <c r="L35" s="2969">
        <v>30</v>
      </c>
      <c r="M35" s="2929">
        <v>52</v>
      </c>
      <c r="N35" s="2929">
        <v>69</v>
      </c>
    </row>
    <row r="36" spans="1:14" ht="29" x14ac:dyDescent="0.35">
      <c r="A36" s="1504" t="s">
        <v>764</v>
      </c>
      <c r="B36" s="2924">
        <v>677</v>
      </c>
      <c r="C36" s="2925">
        <v>820</v>
      </c>
      <c r="D36" s="2926">
        <v>716</v>
      </c>
      <c r="E36" s="2927">
        <v>570</v>
      </c>
      <c r="F36" s="2927">
        <v>673</v>
      </c>
      <c r="G36" s="2925">
        <v>761</v>
      </c>
      <c r="H36" s="2928">
        <v>682</v>
      </c>
      <c r="I36" s="2929">
        <v>695</v>
      </c>
      <c r="J36" s="2929">
        <v>686</v>
      </c>
      <c r="K36" s="2963">
        <v>1497</v>
      </c>
      <c r="L36" s="2969">
        <v>1434</v>
      </c>
      <c r="M36" s="2929">
        <v>2720</v>
      </c>
      <c r="N36" s="2929">
        <v>2780</v>
      </c>
    </row>
    <row r="37" spans="1:14" ht="15" customHeight="1" x14ac:dyDescent="0.35">
      <c r="A37" s="1364" t="s">
        <v>697</v>
      </c>
      <c r="B37" s="2933"/>
      <c r="C37" s="2934"/>
      <c r="D37" s="2935"/>
      <c r="E37" s="2936"/>
      <c r="F37" s="2936"/>
      <c r="G37" s="2937"/>
      <c r="H37" s="2938"/>
      <c r="I37" s="2939"/>
      <c r="J37" s="2939"/>
      <c r="K37" s="2970"/>
      <c r="L37" s="2971"/>
      <c r="M37" s="2939"/>
      <c r="N37" s="2939"/>
    </row>
    <row r="38" spans="1:14" ht="15" customHeight="1" x14ac:dyDescent="0.35">
      <c r="A38" s="1382" t="s">
        <v>578</v>
      </c>
      <c r="B38" s="2941">
        <v>563.1</v>
      </c>
      <c r="C38" s="2942">
        <v>549.1</v>
      </c>
      <c r="D38" s="2943">
        <v>525.70000000000005</v>
      </c>
      <c r="E38" s="2944">
        <v>505.6</v>
      </c>
      <c r="F38" s="2944">
        <v>489.1</v>
      </c>
      <c r="G38" s="2942">
        <v>499.3</v>
      </c>
      <c r="H38" s="2945">
        <v>461.2</v>
      </c>
      <c r="I38" s="2946">
        <v>449.7</v>
      </c>
      <c r="J38" s="2946">
        <v>449.3</v>
      </c>
      <c r="K38" s="2972">
        <v>555.9</v>
      </c>
      <c r="L38" s="2973">
        <v>494.4</v>
      </c>
      <c r="M38" s="2964">
        <v>505.1</v>
      </c>
      <c r="N38" s="2964">
        <v>452</v>
      </c>
    </row>
    <row r="39" spans="1:14" ht="15" customHeight="1" x14ac:dyDescent="0.35">
      <c r="A39" s="1391" t="s">
        <v>583</v>
      </c>
      <c r="B39" s="2974">
        <v>503.1</v>
      </c>
      <c r="C39" s="2975">
        <v>508.2</v>
      </c>
      <c r="D39" s="2976">
        <v>479.6</v>
      </c>
      <c r="E39" s="2977">
        <v>465.1</v>
      </c>
      <c r="F39" s="2977">
        <v>444.5</v>
      </c>
      <c r="G39" s="2975">
        <v>448.1</v>
      </c>
      <c r="H39" s="2978">
        <v>420.70000000000005</v>
      </c>
      <c r="I39" s="2979">
        <v>413.7</v>
      </c>
      <c r="J39" s="2979">
        <v>438</v>
      </c>
      <c r="K39" s="3089">
        <v>505.7</v>
      </c>
      <c r="L39" s="2980">
        <v>446.4</v>
      </c>
      <c r="M39" s="2979">
        <v>459.4</v>
      </c>
      <c r="N39" s="2979">
        <v>424.5</v>
      </c>
    </row>
    <row r="40" spans="1:14" ht="15" customHeight="1" x14ac:dyDescent="0.25">
      <c r="A40" s="1392"/>
      <c r="B40" s="1393"/>
      <c r="C40" s="1393"/>
      <c r="D40" s="1394"/>
      <c r="E40" s="1393"/>
      <c r="F40" s="1393"/>
      <c r="G40" s="1393"/>
      <c r="H40" s="1395"/>
      <c r="I40" s="1395"/>
      <c r="J40" s="1395"/>
      <c r="K40" s="1395"/>
      <c r="L40" s="1395"/>
      <c r="M40" s="1396"/>
      <c r="N40" s="1396"/>
    </row>
    <row r="41" spans="1:14" ht="12" customHeight="1" x14ac:dyDescent="0.25">
      <c r="A41" s="3334" t="s">
        <v>863</v>
      </c>
      <c r="B41" s="3335" t="s">
        <v>38</v>
      </c>
      <c r="C41" s="3335" t="s">
        <v>38</v>
      </c>
      <c r="D41" s="3335" t="s">
        <v>38</v>
      </c>
      <c r="E41" s="3335" t="s">
        <v>38</v>
      </c>
      <c r="F41" s="3335" t="s">
        <v>38</v>
      </c>
      <c r="G41" s="3335" t="s">
        <v>38</v>
      </c>
      <c r="H41" s="3335" t="s">
        <v>38</v>
      </c>
      <c r="I41" s="3335" t="s">
        <v>38</v>
      </c>
      <c r="J41" s="3335" t="s">
        <v>38</v>
      </c>
      <c r="K41" s="3335" t="s">
        <v>38</v>
      </c>
      <c r="L41" s="3335" t="s">
        <v>38</v>
      </c>
      <c r="M41" s="3335" t="s">
        <v>38</v>
      </c>
      <c r="N41" s="3335" t="s">
        <v>38</v>
      </c>
    </row>
    <row r="42" spans="1:14" ht="10.4" customHeight="1" x14ac:dyDescent="0.25">
      <c r="A42" s="3336"/>
      <c r="B42" s="3336" t="s">
        <v>38</v>
      </c>
      <c r="C42" s="3336" t="s">
        <v>38</v>
      </c>
      <c r="D42" s="3336" t="s">
        <v>38</v>
      </c>
      <c r="E42" s="3336" t="s">
        <v>38</v>
      </c>
      <c r="F42" s="3336" t="s">
        <v>38</v>
      </c>
      <c r="G42" s="3336" t="s">
        <v>38</v>
      </c>
      <c r="H42" s="3336" t="s">
        <v>38</v>
      </c>
      <c r="I42" s="3336" t="s">
        <v>38</v>
      </c>
      <c r="J42" s="3336" t="s">
        <v>38</v>
      </c>
      <c r="K42" s="3336" t="s">
        <v>38</v>
      </c>
      <c r="L42" s="3336" t="s">
        <v>38</v>
      </c>
      <c r="M42" s="3336" t="s">
        <v>38</v>
      </c>
      <c r="N42" s="3336" t="s">
        <v>38</v>
      </c>
    </row>
    <row r="43" spans="1:14" ht="10.4" customHeight="1" x14ac:dyDescent="0.25">
      <c r="A43" s="3337"/>
      <c r="B43" s="3337" t="s">
        <v>38</v>
      </c>
      <c r="C43" s="3337" t="s">
        <v>38</v>
      </c>
      <c r="D43" s="3337" t="s">
        <v>38</v>
      </c>
      <c r="E43" s="3337" t="s">
        <v>38</v>
      </c>
      <c r="F43" s="3337" t="s">
        <v>38</v>
      </c>
      <c r="G43" s="3337" t="s">
        <v>38</v>
      </c>
      <c r="H43" s="3337" t="s">
        <v>38</v>
      </c>
      <c r="I43" s="3337" t="s">
        <v>38</v>
      </c>
      <c r="J43" s="3337" t="s">
        <v>38</v>
      </c>
      <c r="K43" s="3337" t="s">
        <v>38</v>
      </c>
      <c r="L43" s="3337" t="s">
        <v>38</v>
      </c>
      <c r="M43" s="3337" t="s">
        <v>38</v>
      </c>
      <c r="N43" s="3337" t="s">
        <v>38</v>
      </c>
    </row>
    <row r="44" spans="1:14" ht="10.4" customHeight="1" x14ac:dyDescent="0.25">
      <c r="A44" s="3338"/>
      <c r="B44" s="3338" t="s">
        <v>38</v>
      </c>
      <c r="C44" s="3338" t="s">
        <v>38</v>
      </c>
      <c r="D44" s="3338" t="s">
        <v>38</v>
      </c>
      <c r="E44" s="3338" t="s">
        <v>38</v>
      </c>
      <c r="F44" s="3338" t="s">
        <v>38</v>
      </c>
      <c r="G44" s="3338" t="s">
        <v>38</v>
      </c>
      <c r="H44" s="3338" t="s">
        <v>38</v>
      </c>
      <c r="I44" s="3338" t="s">
        <v>38</v>
      </c>
      <c r="J44" s="3338" t="s">
        <v>38</v>
      </c>
      <c r="K44" s="3338" t="s">
        <v>38</v>
      </c>
      <c r="L44" s="3338" t="s">
        <v>38</v>
      </c>
      <c r="M44" s="3338" t="s">
        <v>38</v>
      </c>
      <c r="N44" s="3338" t="s">
        <v>38</v>
      </c>
    </row>
  </sheetData>
  <mergeCells count="10">
    <mergeCell ref="A41:N41"/>
    <mergeCell ref="A42:N42"/>
    <mergeCell ref="A43:N43"/>
    <mergeCell ref="A44:N44"/>
    <mergeCell ref="A2:N2"/>
    <mergeCell ref="B3:C3"/>
    <mergeCell ref="D3:G3"/>
    <mergeCell ref="H3:J3"/>
    <mergeCell ref="K3:L3"/>
    <mergeCell ref="M3:N3"/>
  </mergeCells>
  <hyperlinks>
    <hyperlink ref="A1" location="TDM!A1" display="Retour à la table des matières" xr:uid="{00000000-0004-0000-2100-000000000000}"/>
  </hyperlinks>
  <printOptions horizontalCentered="1"/>
  <pageMargins left="0.51181102362204722" right="0.51181102362204722" top="0.51181102362204722" bottom="0.51181102362204722" header="0.23622047244094491" footer="0.23622047244094491"/>
  <pageSetup scale="55" orientation="landscape" r:id="rId1"/>
  <headerFooter>
    <oddFooter>&amp;L&amp;G&amp;C&amp;"Scotia,Regular"&amp;9Informations financières supplémentaires (IFS)&amp;R&amp;"Scotia,Regular"&amp;9&amp;A</oddFooter>
  </headerFooter>
  <legacyDrawingHF r:id="rId2"/>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423C5D-A479-418E-AA28-6F96DF4ECEC2}">
  <sheetPr>
    <pageSetUpPr fitToPage="1"/>
  </sheetPr>
  <dimension ref="A1:N44"/>
  <sheetViews>
    <sheetView showGridLines="0" zoomScaleNormal="100" workbookViewId="0"/>
  </sheetViews>
  <sheetFormatPr defaultColWidth="8.7265625" defaultRowHeight="12.5" x14ac:dyDescent="0.25"/>
  <cols>
    <col min="1" max="1" width="80.7265625" style="25" customWidth="1"/>
    <col min="2" max="14" width="12.7265625" style="25" customWidth="1"/>
    <col min="15" max="16384" width="8.7265625" style="25"/>
  </cols>
  <sheetData>
    <row r="1" spans="1:14" ht="20.149999999999999" customHeight="1" x14ac:dyDescent="0.25">
      <c r="A1" s="24" t="s">
        <v>37</v>
      </c>
    </row>
    <row r="2" spans="1:14" ht="25" customHeight="1" x14ac:dyDescent="0.25">
      <c r="A2" s="3346" t="s">
        <v>668</v>
      </c>
      <c r="B2" s="3346" t="s">
        <v>38</v>
      </c>
      <c r="C2" s="3346" t="s">
        <v>38</v>
      </c>
      <c r="D2" s="3346" t="s">
        <v>38</v>
      </c>
      <c r="E2" s="3346" t="s">
        <v>38</v>
      </c>
      <c r="F2" s="3346" t="s">
        <v>38</v>
      </c>
      <c r="G2" s="3346" t="s">
        <v>38</v>
      </c>
      <c r="H2" s="3346" t="s">
        <v>38</v>
      </c>
      <c r="I2" s="3346" t="s">
        <v>38</v>
      </c>
      <c r="J2" s="3346" t="s">
        <v>38</v>
      </c>
      <c r="K2" s="3346" t="s">
        <v>38</v>
      </c>
      <c r="L2" s="3346" t="s">
        <v>38</v>
      </c>
      <c r="M2" s="3346" t="s">
        <v>38</v>
      </c>
      <c r="N2" s="3346" t="s">
        <v>38</v>
      </c>
    </row>
    <row r="3" spans="1:14" ht="18" customHeight="1" x14ac:dyDescent="0.25">
      <c r="A3" s="1397"/>
      <c r="B3" s="3347" t="s">
        <v>174</v>
      </c>
      <c r="C3" s="3348" t="s">
        <v>38</v>
      </c>
      <c r="D3" s="3349" t="s">
        <v>240</v>
      </c>
      <c r="E3" s="3350" t="s">
        <v>38</v>
      </c>
      <c r="F3" s="3350" t="s">
        <v>38</v>
      </c>
      <c r="G3" s="3351" t="s">
        <v>38</v>
      </c>
      <c r="H3" s="3349" t="s">
        <v>241</v>
      </c>
      <c r="I3" s="3350" t="s">
        <v>38</v>
      </c>
      <c r="J3" s="3350" t="s">
        <v>38</v>
      </c>
      <c r="K3" s="3349" t="s">
        <v>716</v>
      </c>
      <c r="L3" s="3351" t="s">
        <v>38</v>
      </c>
      <c r="M3" s="3350" t="s">
        <v>717</v>
      </c>
      <c r="N3" s="3350" t="s">
        <v>38</v>
      </c>
    </row>
    <row r="4" spans="1:14" ht="18" customHeight="1" x14ac:dyDescent="0.25">
      <c r="A4" s="3085"/>
      <c r="B4" s="1398" t="s">
        <v>49</v>
      </c>
      <c r="C4" s="1399" t="s">
        <v>45</v>
      </c>
      <c r="D4" s="1400" t="s">
        <v>569</v>
      </c>
      <c r="E4" s="1401" t="s">
        <v>570</v>
      </c>
      <c r="F4" s="1401" t="s">
        <v>49</v>
      </c>
      <c r="G4" s="1402" t="s">
        <v>45</v>
      </c>
      <c r="H4" s="1403" t="s">
        <v>569</v>
      </c>
      <c r="I4" s="1401" t="s">
        <v>570</v>
      </c>
      <c r="J4" s="1401" t="s">
        <v>49</v>
      </c>
      <c r="K4" s="1404">
        <v>2023</v>
      </c>
      <c r="L4" s="1405">
        <v>2022</v>
      </c>
      <c r="M4" s="1406">
        <v>2022</v>
      </c>
      <c r="N4" s="1407">
        <v>2021</v>
      </c>
    </row>
    <row r="5" spans="1:14" ht="18" customHeight="1" x14ac:dyDescent="0.25">
      <c r="A5" s="3088" t="s">
        <v>864</v>
      </c>
      <c r="B5" s="1408"/>
      <c r="C5" s="379"/>
      <c r="D5" s="380"/>
      <c r="E5" s="381"/>
      <c r="F5" s="381"/>
      <c r="G5" s="382"/>
      <c r="H5" s="380"/>
      <c r="I5" s="381"/>
      <c r="J5" s="381"/>
      <c r="K5" s="383"/>
      <c r="L5" s="384"/>
      <c r="M5" s="385"/>
      <c r="N5" s="385"/>
    </row>
    <row r="6" spans="1:14" ht="18" customHeight="1" x14ac:dyDescent="0.25">
      <c r="A6" s="1409" t="s">
        <v>75</v>
      </c>
      <c r="B6" s="435">
        <v>2097</v>
      </c>
      <c r="C6" s="356">
        <v>2175</v>
      </c>
      <c r="D6" s="2981">
        <v>2071</v>
      </c>
      <c r="E6" s="2982">
        <v>1976</v>
      </c>
      <c r="F6" s="2982">
        <v>1968</v>
      </c>
      <c r="G6" s="2983">
        <v>2005</v>
      </c>
      <c r="H6" s="2981">
        <v>1912</v>
      </c>
      <c r="I6" s="2982">
        <v>1935</v>
      </c>
      <c r="J6" s="2982">
        <v>1858</v>
      </c>
      <c r="K6" s="2981">
        <v>4170</v>
      </c>
      <c r="L6" s="2984">
        <v>3881</v>
      </c>
      <c r="M6" s="2982">
        <v>7937</v>
      </c>
      <c r="N6" s="2982">
        <v>7621</v>
      </c>
    </row>
    <row r="7" spans="1:14" ht="18" customHeight="1" x14ac:dyDescent="0.25">
      <c r="A7" s="1409" t="s">
        <v>58</v>
      </c>
      <c r="B7" s="2985">
        <v>411</v>
      </c>
      <c r="C7" s="2986">
        <v>385</v>
      </c>
      <c r="D7" s="2987">
        <v>338</v>
      </c>
      <c r="E7" s="2988">
        <v>293</v>
      </c>
      <c r="F7" s="2988">
        <v>249</v>
      </c>
      <c r="G7" s="2989">
        <v>256</v>
      </c>
      <c r="H7" s="2987">
        <v>293</v>
      </c>
      <c r="I7" s="2988">
        <v>318</v>
      </c>
      <c r="J7" s="2988">
        <v>343</v>
      </c>
      <c r="K7" s="2987">
        <v>779</v>
      </c>
      <c r="L7" s="2990">
        <v>495</v>
      </c>
      <c r="M7" s="2988">
        <v>1112</v>
      </c>
      <c r="N7" s="2988">
        <v>1394</v>
      </c>
    </row>
    <row r="8" spans="1:14" ht="18" customHeight="1" x14ac:dyDescent="0.25">
      <c r="A8" s="1409" t="s">
        <v>57</v>
      </c>
      <c r="B8" s="2985">
        <v>1134</v>
      </c>
      <c r="C8" s="2986">
        <v>1138</v>
      </c>
      <c r="D8" s="2987">
        <v>1104</v>
      </c>
      <c r="E8" s="2988">
        <v>1053</v>
      </c>
      <c r="F8" s="2988">
        <v>1024</v>
      </c>
      <c r="G8" s="2989">
        <v>1054</v>
      </c>
      <c r="H8" s="2987">
        <v>1032</v>
      </c>
      <c r="I8" s="2988">
        <v>1033</v>
      </c>
      <c r="J8" s="2988">
        <v>1014</v>
      </c>
      <c r="K8" s="2987">
        <v>2226</v>
      </c>
      <c r="L8" s="2990">
        <v>2034</v>
      </c>
      <c r="M8" s="2988">
        <v>4143</v>
      </c>
      <c r="N8" s="2988">
        <v>4054</v>
      </c>
    </row>
    <row r="9" spans="1:14" ht="18" customHeight="1" x14ac:dyDescent="0.25">
      <c r="A9" s="1409" t="s">
        <v>554</v>
      </c>
      <c r="B9" s="2985">
        <v>552</v>
      </c>
      <c r="C9" s="2986">
        <v>652</v>
      </c>
      <c r="D9" s="2987">
        <v>629</v>
      </c>
      <c r="E9" s="2988">
        <v>630</v>
      </c>
      <c r="F9" s="2988">
        <v>695</v>
      </c>
      <c r="G9" s="2989">
        <v>695</v>
      </c>
      <c r="H9" s="2987">
        <v>587</v>
      </c>
      <c r="I9" s="2988">
        <v>584</v>
      </c>
      <c r="J9" s="2988">
        <v>501</v>
      </c>
      <c r="K9" s="2987">
        <v>1165</v>
      </c>
      <c r="L9" s="2990">
        <v>1352</v>
      </c>
      <c r="M9" s="2988">
        <v>2682</v>
      </c>
      <c r="N9" s="2988">
        <v>2173</v>
      </c>
    </row>
    <row r="10" spans="1:14" ht="18" customHeight="1" x14ac:dyDescent="0.25">
      <c r="A10" s="1409" t="s">
        <v>74</v>
      </c>
      <c r="B10" s="2985">
        <v>105</v>
      </c>
      <c r="C10" s="2986">
        <v>111</v>
      </c>
      <c r="D10" s="2987">
        <v>58</v>
      </c>
      <c r="E10" s="2988">
        <v>73</v>
      </c>
      <c r="F10" s="2988">
        <v>119</v>
      </c>
      <c r="G10" s="2989">
        <v>166</v>
      </c>
      <c r="H10" s="2987">
        <v>82</v>
      </c>
      <c r="I10" s="2988">
        <v>122</v>
      </c>
      <c r="J10" s="2988">
        <v>131</v>
      </c>
      <c r="K10" s="2987">
        <v>214</v>
      </c>
      <c r="L10" s="2990">
        <v>279</v>
      </c>
      <c r="M10" s="2988">
        <v>437</v>
      </c>
      <c r="N10" s="2988">
        <v>458</v>
      </c>
    </row>
    <row r="11" spans="1:14" ht="18" customHeight="1" x14ac:dyDescent="0.25">
      <c r="A11" s="1410" t="s">
        <v>72</v>
      </c>
      <c r="B11" s="2985">
        <v>447</v>
      </c>
      <c r="C11" s="2986">
        <v>541</v>
      </c>
      <c r="D11" s="2987">
        <v>571</v>
      </c>
      <c r="E11" s="2988">
        <v>557</v>
      </c>
      <c r="F11" s="2988">
        <v>576</v>
      </c>
      <c r="G11" s="2989">
        <v>529</v>
      </c>
      <c r="H11" s="2987">
        <v>505</v>
      </c>
      <c r="I11" s="2988">
        <v>462</v>
      </c>
      <c r="J11" s="2988">
        <v>370</v>
      </c>
      <c r="K11" s="2987">
        <v>951</v>
      </c>
      <c r="L11" s="2990">
        <v>1073</v>
      </c>
      <c r="M11" s="2988">
        <v>2245</v>
      </c>
      <c r="N11" s="2988">
        <v>1715</v>
      </c>
    </row>
    <row r="12" spans="1:14" ht="18" customHeight="1" x14ac:dyDescent="0.25">
      <c r="A12" s="1409" t="s">
        <v>669</v>
      </c>
      <c r="B12" s="2985">
        <v>7</v>
      </c>
      <c r="C12" s="2986">
        <v>7</v>
      </c>
      <c r="D12" s="2987">
        <v>7</v>
      </c>
      <c r="E12" s="2988">
        <v>6</v>
      </c>
      <c r="F12" s="2988">
        <v>7</v>
      </c>
      <c r="G12" s="2989">
        <v>8</v>
      </c>
      <c r="H12" s="2987">
        <v>7</v>
      </c>
      <c r="I12" s="2988">
        <v>7</v>
      </c>
      <c r="J12" s="2988">
        <v>7</v>
      </c>
      <c r="K12" s="2987">
        <v>14</v>
      </c>
      <c r="L12" s="2990">
        <v>14</v>
      </c>
      <c r="M12" s="2988">
        <v>27</v>
      </c>
      <c r="N12" s="2988">
        <v>29</v>
      </c>
    </row>
    <row r="13" spans="1:14" ht="18" customHeight="1" x14ac:dyDescent="0.25">
      <c r="A13" s="1410" t="s">
        <v>670</v>
      </c>
      <c r="B13" s="2985">
        <v>454</v>
      </c>
      <c r="C13" s="2986">
        <v>548</v>
      </c>
      <c r="D13" s="2991">
        <v>578</v>
      </c>
      <c r="E13" s="2988">
        <v>563</v>
      </c>
      <c r="F13" s="2988">
        <v>583</v>
      </c>
      <c r="G13" s="2989">
        <v>537</v>
      </c>
      <c r="H13" s="2987">
        <v>512</v>
      </c>
      <c r="I13" s="2988">
        <v>469</v>
      </c>
      <c r="J13" s="2988">
        <v>377</v>
      </c>
      <c r="K13" s="2991">
        <v>965</v>
      </c>
      <c r="L13" s="2990">
        <v>1087</v>
      </c>
      <c r="M13" s="2992">
        <v>2272</v>
      </c>
      <c r="N13" s="2992">
        <v>1744</v>
      </c>
    </row>
    <row r="14" spans="1:14" ht="18" customHeight="1" x14ac:dyDescent="0.25">
      <c r="A14" s="1410" t="s">
        <v>173</v>
      </c>
      <c r="B14" s="2985"/>
      <c r="C14" s="2986"/>
      <c r="D14" s="2987"/>
      <c r="E14" s="2988"/>
      <c r="F14" s="2988"/>
      <c r="G14" s="2989"/>
      <c r="H14" s="2987"/>
      <c r="I14" s="2988"/>
      <c r="J14" s="2988"/>
      <c r="K14" s="2987"/>
      <c r="L14" s="2989"/>
      <c r="M14" s="2988"/>
      <c r="N14" s="2988"/>
    </row>
    <row r="15" spans="1:14" ht="18" customHeight="1" x14ac:dyDescent="0.25">
      <c r="A15" s="1409" t="s">
        <v>229</v>
      </c>
      <c r="B15" s="2985">
        <v>-3</v>
      </c>
      <c r="C15" s="2986">
        <v>14</v>
      </c>
      <c r="D15" s="2987">
        <v>13</v>
      </c>
      <c r="E15" s="2988">
        <v>31</v>
      </c>
      <c r="F15" s="2988">
        <v>58</v>
      </c>
      <c r="G15" s="2989">
        <v>70</v>
      </c>
      <c r="H15" s="2987">
        <v>66</v>
      </c>
      <c r="I15" s="2988">
        <v>59</v>
      </c>
      <c r="J15" s="2988">
        <v>64</v>
      </c>
      <c r="K15" s="2987">
        <v>8</v>
      </c>
      <c r="L15" s="2990">
        <v>123</v>
      </c>
      <c r="M15" s="2988">
        <v>165</v>
      </c>
      <c r="N15" s="2988">
        <v>246</v>
      </c>
    </row>
    <row r="16" spans="1:14" ht="29" x14ac:dyDescent="0.25">
      <c r="A16" s="1505" t="s">
        <v>553</v>
      </c>
      <c r="B16" s="2985">
        <v>450</v>
      </c>
      <c r="C16" s="2986">
        <v>527</v>
      </c>
      <c r="D16" s="2987">
        <v>558</v>
      </c>
      <c r="E16" s="2988">
        <v>526</v>
      </c>
      <c r="F16" s="2988">
        <v>518</v>
      </c>
      <c r="G16" s="2989">
        <v>459</v>
      </c>
      <c r="H16" s="2987">
        <v>439</v>
      </c>
      <c r="I16" s="2988">
        <v>403</v>
      </c>
      <c r="J16" s="2988">
        <v>306</v>
      </c>
      <c r="K16" s="2987">
        <v>943</v>
      </c>
      <c r="L16" s="2990">
        <v>950</v>
      </c>
      <c r="M16" s="2988">
        <v>2080</v>
      </c>
      <c r="N16" s="2988">
        <v>1469</v>
      </c>
    </row>
    <row r="17" spans="1:14" ht="18" customHeight="1" x14ac:dyDescent="0.25">
      <c r="A17" s="1409" t="s">
        <v>558</v>
      </c>
      <c r="B17" s="2985">
        <v>0</v>
      </c>
      <c r="C17" s="2986">
        <v>-35</v>
      </c>
      <c r="D17" s="2987">
        <v>-41</v>
      </c>
      <c r="E17" s="2988">
        <v>-28</v>
      </c>
      <c r="F17" s="2988">
        <v>-28</v>
      </c>
      <c r="G17" s="2989">
        <v>-19</v>
      </c>
      <c r="H17" s="2987">
        <v>-2</v>
      </c>
      <c r="I17" s="2988">
        <v>4</v>
      </c>
      <c r="J17" s="2988">
        <v>19</v>
      </c>
      <c r="K17" s="2987">
        <v>0</v>
      </c>
      <c r="L17" s="2990">
        <v>-20</v>
      </c>
      <c r="M17" s="2988">
        <v>-135</v>
      </c>
      <c r="N17" s="2988">
        <v>0</v>
      </c>
    </row>
    <row r="18" spans="1:14" ht="18" customHeight="1" x14ac:dyDescent="0.25">
      <c r="A18" s="1410" t="s">
        <v>559</v>
      </c>
      <c r="B18" s="2985">
        <v>450</v>
      </c>
      <c r="C18" s="2986">
        <v>492</v>
      </c>
      <c r="D18" s="2987">
        <v>517</v>
      </c>
      <c r="E18" s="2988">
        <v>498</v>
      </c>
      <c r="F18" s="2988">
        <v>490</v>
      </c>
      <c r="G18" s="2989">
        <v>440</v>
      </c>
      <c r="H18" s="2987">
        <v>437</v>
      </c>
      <c r="I18" s="2988">
        <v>407</v>
      </c>
      <c r="J18" s="2988">
        <v>325</v>
      </c>
      <c r="K18" s="2987">
        <v>943</v>
      </c>
      <c r="L18" s="2989">
        <v>930</v>
      </c>
      <c r="M18" s="2988">
        <v>1945</v>
      </c>
      <c r="N18" s="2988">
        <v>1469</v>
      </c>
    </row>
    <row r="19" spans="1:14" ht="18" customHeight="1" x14ac:dyDescent="0.25">
      <c r="A19" s="1410" t="s">
        <v>671</v>
      </c>
      <c r="B19" s="2985"/>
      <c r="C19" s="2986"/>
      <c r="D19" s="2987"/>
      <c r="E19" s="2988"/>
      <c r="F19" s="2988"/>
      <c r="G19" s="2989"/>
      <c r="H19" s="2987"/>
      <c r="I19" s="2988"/>
      <c r="J19" s="2988"/>
      <c r="K19" s="2987"/>
      <c r="L19" s="2989"/>
      <c r="M19" s="2988"/>
      <c r="N19" s="2988"/>
    </row>
    <row r="20" spans="1:14" ht="18" customHeight="1" x14ac:dyDescent="0.25">
      <c r="A20" s="1409" t="s">
        <v>229</v>
      </c>
      <c r="B20" s="2985">
        <v>-3</v>
      </c>
      <c r="C20" s="2986">
        <v>14</v>
      </c>
      <c r="D20" s="2987">
        <v>13</v>
      </c>
      <c r="E20" s="2988">
        <v>30</v>
      </c>
      <c r="F20" s="2988">
        <v>58</v>
      </c>
      <c r="G20" s="2989">
        <v>71</v>
      </c>
      <c r="H20" s="2987">
        <v>66</v>
      </c>
      <c r="I20" s="2988">
        <v>59</v>
      </c>
      <c r="J20" s="2988">
        <v>63</v>
      </c>
      <c r="K20" s="2987">
        <v>9</v>
      </c>
      <c r="L20" s="2990">
        <v>123</v>
      </c>
      <c r="M20" s="2988">
        <v>165</v>
      </c>
      <c r="N20" s="2988">
        <v>246</v>
      </c>
    </row>
    <row r="21" spans="1:14" ht="29" x14ac:dyDescent="0.25">
      <c r="A21" s="1505" t="s">
        <v>553</v>
      </c>
      <c r="B21" s="2985">
        <v>457</v>
      </c>
      <c r="C21" s="2986">
        <v>534</v>
      </c>
      <c r="D21" s="2987">
        <v>565</v>
      </c>
      <c r="E21" s="2988">
        <v>533</v>
      </c>
      <c r="F21" s="2988">
        <v>525</v>
      </c>
      <c r="G21" s="2989">
        <v>466</v>
      </c>
      <c r="H21" s="2987">
        <v>446</v>
      </c>
      <c r="I21" s="2988">
        <v>410</v>
      </c>
      <c r="J21" s="2988">
        <v>314</v>
      </c>
      <c r="K21" s="2987">
        <v>956</v>
      </c>
      <c r="L21" s="2990">
        <v>964</v>
      </c>
      <c r="M21" s="2988">
        <v>2107</v>
      </c>
      <c r="N21" s="2988">
        <v>1498</v>
      </c>
    </row>
    <row r="22" spans="1:14" ht="18" customHeight="1" x14ac:dyDescent="0.25">
      <c r="A22" s="1409" t="s">
        <v>558</v>
      </c>
      <c r="B22" s="2985">
        <v>0</v>
      </c>
      <c r="C22" s="2986">
        <v>-35</v>
      </c>
      <c r="D22" s="2991">
        <v>-42</v>
      </c>
      <c r="E22" s="2992">
        <v>-29</v>
      </c>
      <c r="F22" s="2992">
        <v>-28</v>
      </c>
      <c r="G22" s="2993">
        <v>-19</v>
      </c>
      <c r="H22" s="2991">
        <v>-2</v>
      </c>
      <c r="I22" s="2992">
        <v>4</v>
      </c>
      <c r="J22" s="2992">
        <v>19</v>
      </c>
      <c r="K22" s="2987">
        <v>0</v>
      </c>
      <c r="L22" s="2990">
        <v>-20</v>
      </c>
      <c r="M22" s="2988">
        <v>-136</v>
      </c>
      <c r="N22" s="2988">
        <v>2</v>
      </c>
    </row>
    <row r="23" spans="1:14" ht="18" customHeight="1" x14ac:dyDescent="0.25">
      <c r="A23" s="1411" t="s">
        <v>559</v>
      </c>
      <c r="B23" s="2985">
        <v>457</v>
      </c>
      <c r="C23" s="2986">
        <v>499</v>
      </c>
      <c r="D23" s="2991">
        <v>523</v>
      </c>
      <c r="E23" s="2988">
        <v>504</v>
      </c>
      <c r="F23" s="2988">
        <v>497</v>
      </c>
      <c r="G23" s="2989">
        <v>447</v>
      </c>
      <c r="H23" s="2987">
        <v>444</v>
      </c>
      <c r="I23" s="2988">
        <v>414</v>
      </c>
      <c r="J23" s="2988">
        <v>333</v>
      </c>
      <c r="K23" s="2991">
        <v>956</v>
      </c>
      <c r="L23" s="2993">
        <v>944</v>
      </c>
      <c r="M23" s="2992">
        <v>1971</v>
      </c>
      <c r="N23" s="2992">
        <v>1500</v>
      </c>
    </row>
    <row r="24" spans="1:14" ht="18" customHeight="1" x14ac:dyDescent="0.25">
      <c r="A24" s="1412" t="s">
        <v>672</v>
      </c>
      <c r="B24" s="2994"/>
      <c r="C24" s="2995"/>
      <c r="D24" s="2996"/>
      <c r="E24" s="2997"/>
      <c r="F24" s="2997"/>
      <c r="G24" s="2998"/>
      <c r="H24" s="2996"/>
      <c r="I24" s="2997"/>
      <c r="J24" s="2997"/>
      <c r="K24" s="2999"/>
      <c r="L24" s="3000"/>
      <c r="M24" s="3001"/>
      <c r="N24" s="3001"/>
    </row>
    <row r="25" spans="1:14" ht="18" customHeight="1" x14ac:dyDescent="0.25">
      <c r="A25" s="390" t="s">
        <v>673</v>
      </c>
      <c r="B25" s="3002">
        <v>3.8</v>
      </c>
      <c r="C25" s="3003">
        <v>3.71</v>
      </c>
      <c r="D25" s="3004">
        <v>3.79</v>
      </c>
      <c r="E25" s="3005">
        <v>3.71</v>
      </c>
      <c r="F25" s="3005">
        <v>3.77</v>
      </c>
      <c r="G25" s="3006">
        <v>3.68</v>
      </c>
      <c r="H25" s="3004">
        <v>3.6</v>
      </c>
      <c r="I25" s="3005">
        <v>3.59</v>
      </c>
      <c r="J25" s="3005">
        <v>3.83</v>
      </c>
      <c r="K25" s="3007">
        <v>3.76</v>
      </c>
      <c r="L25" s="3008">
        <v>3.73</v>
      </c>
      <c r="M25" s="3005">
        <v>3.74</v>
      </c>
      <c r="N25" s="3005">
        <v>3.74</v>
      </c>
    </row>
    <row r="26" spans="1:14" ht="18" customHeight="1" x14ac:dyDescent="0.25">
      <c r="A26" s="399" t="s">
        <v>173</v>
      </c>
      <c r="B26" s="3009"/>
      <c r="C26" s="3010"/>
      <c r="D26" s="3011"/>
      <c r="E26" s="3012"/>
      <c r="F26" s="3012"/>
      <c r="G26" s="3013"/>
      <c r="H26" s="3011"/>
      <c r="I26" s="3012"/>
      <c r="J26" s="3012"/>
      <c r="K26" s="3014"/>
      <c r="L26" s="3015"/>
      <c r="M26" s="3012"/>
      <c r="N26" s="3012"/>
    </row>
    <row r="27" spans="1:14" ht="31" x14ac:dyDescent="0.25">
      <c r="A27" s="1506" t="s">
        <v>865</v>
      </c>
      <c r="B27" s="3016">
        <v>1.1200000000000001</v>
      </c>
      <c r="C27" s="3003">
        <v>1.01</v>
      </c>
      <c r="D27" s="3004">
        <v>0.91</v>
      </c>
      <c r="E27" s="3005">
        <v>0.83</v>
      </c>
      <c r="F27" s="3005">
        <v>0.76</v>
      </c>
      <c r="G27" s="3017">
        <v>0.77</v>
      </c>
      <c r="H27" s="3004">
        <v>0.89</v>
      </c>
      <c r="I27" s="3005">
        <v>1.01</v>
      </c>
      <c r="J27" s="3005">
        <v>1.17</v>
      </c>
      <c r="K27" s="3007">
        <v>1.06</v>
      </c>
      <c r="L27" s="3018">
        <v>0.77</v>
      </c>
      <c r="M27" s="3005">
        <v>0.82</v>
      </c>
      <c r="N27" s="3005">
        <v>1.1599999999999999</v>
      </c>
    </row>
    <row r="28" spans="1:14" ht="31" x14ac:dyDescent="0.25">
      <c r="A28" s="1506" t="s">
        <v>866</v>
      </c>
      <c r="B28" s="3016">
        <v>0.98</v>
      </c>
      <c r="C28" s="3003">
        <v>0.92</v>
      </c>
      <c r="D28" s="3004">
        <v>0.84</v>
      </c>
      <c r="E28" s="3005">
        <v>0.7</v>
      </c>
      <c r="F28" s="3005">
        <v>0.77</v>
      </c>
      <c r="G28" s="3017">
        <v>0.73</v>
      </c>
      <c r="H28" s="3004">
        <v>1.17</v>
      </c>
      <c r="I28" s="3005">
        <v>2.14</v>
      </c>
      <c r="J28" s="3005">
        <v>2.97</v>
      </c>
      <c r="K28" s="3007">
        <v>0.95</v>
      </c>
      <c r="L28" s="3018">
        <v>0.75</v>
      </c>
      <c r="M28" s="3005">
        <v>0.76</v>
      </c>
      <c r="N28" s="3005">
        <v>1.93</v>
      </c>
    </row>
    <row r="29" spans="1:14" ht="18" customHeight="1" x14ac:dyDescent="0.25">
      <c r="A29" s="1413" t="s">
        <v>674</v>
      </c>
      <c r="B29" s="3019">
        <v>54.1</v>
      </c>
      <c r="C29" s="3020">
        <v>52.6</v>
      </c>
      <c r="D29" s="3021">
        <v>53.3</v>
      </c>
      <c r="E29" s="3022">
        <v>52.6</v>
      </c>
      <c r="F29" s="3022">
        <v>51.6</v>
      </c>
      <c r="G29" s="3023">
        <v>51.8</v>
      </c>
      <c r="H29" s="3021">
        <v>52.8</v>
      </c>
      <c r="I29" s="3022">
        <v>52.1</v>
      </c>
      <c r="J29" s="3022">
        <v>53.1</v>
      </c>
      <c r="K29" s="3024">
        <v>53.4</v>
      </c>
      <c r="L29" s="3025">
        <v>51.7</v>
      </c>
      <c r="M29" s="3022">
        <v>52.3</v>
      </c>
      <c r="N29" s="3022">
        <v>52.6</v>
      </c>
    </row>
    <row r="30" spans="1:14" ht="18" customHeight="1" x14ac:dyDescent="0.25">
      <c r="A30" s="1412" t="s">
        <v>697</v>
      </c>
      <c r="B30" s="2994"/>
      <c r="C30" s="2995"/>
      <c r="D30" s="2996"/>
      <c r="E30" s="2997"/>
      <c r="F30" s="2997"/>
      <c r="G30" s="2998"/>
      <c r="H30" s="2996"/>
      <c r="I30" s="2997"/>
      <c r="J30" s="2997"/>
      <c r="K30" s="2999"/>
      <c r="L30" s="3000"/>
      <c r="M30" s="3001"/>
      <c r="N30" s="3001"/>
    </row>
    <row r="31" spans="1:14" ht="18" customHeight="1" x14ac:dyDescent="0.25">
      <c r="A31" s="390" t="s">
        <v>79</v>
      </c>
      <c r="B31" s="3019">
        <v>43.3</v>
      </c>
      <c r="C31" s="3020">
        <v>42.5</v>
      </c>
      <c r="D31" s="3021">
        <v>41.4</v>
      </c>
      <c r="E31" s="3022">
        <v>39.799999999999997</v>
      </c>
      <c r="F31" s="3022">
        <v>38.200000000000003</v>
      </c>
      <c r="G31" s="3026">
        <v>36.700000000000003</v>
      </c>
      <c r="H31" s="3021">
        <v>34.700000000000003</v>
      </c>
      <c r="I31" s="3022">
        <v>33.4</v>
      </c>
      <c r="J31" s="3022">
        <v>32.6</v>
      </c>
      <c r="K31" s="3021">
        <v>41.6</v>
      </c>
      <c r="L31" s="3026">
        <v>36.200000000000003</v>
      </c>
      <c r="M31" s="3022">
        <v>37.700000000000003</v>
      </c>
      <c r="N31" s="3022">
        <v>32.1</v>
      </c>
    </row>
    <row r="32" spans="1:14" ht="18" customHeight="1" x14ac:dyDescent="0.25">
      <c r="A32" s="1409" t="s">
        <v>233</v>
      </c>
      <c r="B32" s="3019">
        <v>17.099999999999998</v>
      </c>
      <c r="C32" s="3020">
        <v>16.900000000000002</v>
      </c>
      <c r="D32" s="3021">
        <v>16.900000000000002</v>
      </c>
      <c r="E32" s="3022">
        <v>16.7</v>
      </c>
      <c r="F32" s="3022">
        <v>16.2</v>
      </c>
      <c r="G32" s="3026">
        <v>16.2</v>
      </c>
      <c r="H32" s="3021">
        <v>16.100000000000001</v>
      </c>
      <c r="I32" s="3022">
        <v>16.2</v>
      </c>
      <c r="J32" s="3022">
        <v>16.100000000000001</v>
      </c>
      <c r="K32" s="3021">
        <v>16.599999999999998</v>
      </c>
      <c r="L32" s="3026">
        <v>15.8</v>
      </c>
      <c r="M32" s="3022">
        <v>16.099999999999998</v>
      </c>
      <c r="N32" s="3022">
        <v>15.6</v>
      </c>
    </row>
    <row r="33" spans="1:14" ht="18" customHeight="1" x14ac:dyDescent="0.25">
      <c r="A33" s="1409" t="s">
        <v>788</v>
      </c>
      <c r="B33" s="3019">
        <v>7.2</v>
      </c>
      <c r="C33" s="3020">
        <v>7.1</v>
      </c>
      <c r="D33" s="3021">
        <v>6.7</v>
      </c>
      <c r="E33" s="3022">
        <v>6.5</v>
      </c>
      <c r="F33" s="3022">
        <v>6.1</v>
      </c>
      <c r="G33" s="3026">
        <v>5.7</v>
      </c>
      <c r="H33" s="3021">
        <v>5.3</v>
      </c>
      <c r="I33" s="3022">
        <v>5.2</v>
      </c>
      <c r="J33" s="3022">
        <v>6</v>
      </c>
      <c r="K33" s="3021">
        <v>6.9</v>
      </c>
      <c r="L33" s="3026">
        <v>5.7</v>
      </c>
      <c r="M33" s="3022">
        <v>6.1</v>
      </c>
      <c r="N33" s="3022">
        <v>5.6</v>
      </c>
    </row>
    <row r="34" spans="1:14" ht="18" customHeight="1" x14ac:dyDescent="0.25">
      <c r="A34" s="1409" t="s">
        <v>575</v>
      </c>
      <c r="B34" s="3019">
        <v>86.5</v>
      </c>
      <c r="C34" s="3020">
        <v>87.3</v>
      </c>
      <c r="D34" s="3021">
        <v>84.5</v>
      </c>
      <c r="E34" s="3022">
        <v>83.2</v>
      </c>
      <c r="F34" s="3022">
        <v>79.3</v>
      </c>
      <c r="G34" s="3026">
        <v>76.399999999999991</v>
      </c>
      <c r="H34" s="3021">
        <v>75</v>
      </c>
      <c r="I34" s="3022">
        <v>71.599999999999994</v>
      </c>
      <c r="J34" s="3022">
        <v>70.7</v>
      </c>
      <c r="K34" s="3021">
        <v>85.7</v>
      </c>
      <c r="L34" s="3026">
        <v>76.699999999999989</v>
      </c>
      <c r="M34" s="3022">
        <v>79.699999999999989</v>
      </c>
      <c r="N34" s="3022">
        <v>70.8</v>
      </c>
    </row>
    <row r="35" spans="1:14" ht="18" customHeight="1" x14ac:dyDescent="0.25">
      <c r="A35" s="1410" t="s">
        <v>576</v>
      </c>
      <c r="B35" s="3019">
        <v>154.1</v>
      </c>
      <c r="C35" s="3020">
        <v>153.80000000000001</v>
      </c>
      <c r="D35" s="3027">
        <v>149.5</v>
      </c>
      <c r="E35" s="3022">
        <v>146.19999999999999</v>
      </c>
      <c r="F35" s="3022">
        <v>139.80000000000001</v>
      </c>
      <c r="G35" s="3026">
        <v>135</v>
      </c>
      <c r="H35" s="3021">
        <v>131.1</v>
      </c>
      <c r="I35" s="3022">
        <v>126.39999999999999</v>
      </c>
      <c r="J35" s="3022">
        <v>125.4</v>
      </c>
      <c r="K35" s="3027">
        <v>150.80000000000001</v>
      </c>
      <c r="L35" s="3028">
        <v>134.39999999999998</v>
      </c>
      <c r="M35" s="3029">
        <v>139.6</v>
      </c>
      <c r="N35" s="3029">
        <v>124.1</v>
      </c>
    </row>
    <row r="36" spans="1:14" ht="18" customHeight="1" x14ac:dyDescent="0.25">
      <c r="A36" s="1410"/>
      <c r="B36" s="3019"/>
      <c r="C36" s="3020"/>
      <c r="D36" s="3027"/>
      <c r="E36" s="3022"/>
      <c r="F36" s="3022"/>
      <c r="G36" s="3026"/>
      <c r="H36" s="3021"/>
      <c r="I36" s="3022"/>
      <c r="J36" s="3022"/>
      <c r="K36" s="3027"/>
      <c r="L36" s="3028"/>
      <c r="M36" s="3029"/>
      <c r="N36" s="3029"/>
    </row>
    <row r="37" spans="1:14" ht="18" customHeight="1" x14ac:dyDescent="0.25">
      <c r="A37" s="1414" t="s">
        <v>581</v>
      </c>
      <c r="B37" s="3030">
        <v>100.6</v>
      </c>
      <c r="C37" s="3031">
        <v>98.3</v>
      </c>
      <c r="D37" s="3032">
        <v>95.6</v>
      </c>
      <c r="E37" s="3033">
        <v>93.7</v>
      </c>
      <c r="F37" s="3033">
        <v>90.7</v>
      </c>
      <c r="G37" s="3034">
        <v>87.6</v>
      </c>
      <c r="H37" s="3032">
        <v>86.7</v>
      </c>
      <c r="I37" s="3033">
        <v>87.5</v>
      </c>
      <c r="J37" s="3033">
        <v>84.4</v>
      </c>
      <c r="K37" s="3032">
        <v>97.5</v>
      </c>
      <c r="L37" s="3034">
        <v>87.2</v>
      </c>
      <c r="M37" s="3033">
        <v>89.9</v>
      </c>
      <c r="N37" s="3033">
        <v>83.9</v>
      </c>
    </row>
    <row r="38" spans="1:14" ht="16" customHeight="1" x14ac:dyDescent="0.25">
      <c r="A38" s="439"/>
      <c r="B38" s="1415"/>
      <c r="C38" s="1415"/>
      <c r="D38" s="1416"/>
      <c r="E38" s="1416"/>
      <c r="F38" s="1416"/>
      <c r="G38" s="1416"/>
      <c r="H38" s="1416"/>
      <c r="I38" s="1416"/>
      <c r="J38" s="1416"/>
      <c r="K38" s="1416"/>
      <c r="L38" s="1416"/>
      <c r="M38" s="1416"/>
      <c r="N38" s="1416"/>
    </row>
    <row r="39" spans="1:14" ht="24.75" customHeight="1" x14ac:dyDescent="0.25">
      <c r="A39" s="3178" t="s">
        <v>867</v>
      </c>
      <c r="B39" s="3178" t="s">
        <v>38</v>
      </c>
      <c r="C39" s="3178" t="s">
        <v>38</v>
      </c>
      <c r="D39" s="3178" t="s">
        <v>38</v>
      </c>
      <c r="E39" s="3178" t="s">
        <v>38</v>
      </c>
      <c r="F39" s="3178" t="s">
        <v>38</v>
      </c>
      <c r="G39" s="3178" t="s">
        <v>38</v>
      </c>
      <c r="H39" s="3178" t="s">
        <v>38</v>
      </c>
      <c r="I39" s="3178" t="s">
        <v>38</v>
      </c>
      <c r="J39" s="3178" t="s">
        <v>38</v>
      </c>
      <c r="K39" s="3178" t="s">
        <v>38</v>
      </c>
      <c r="L39" s="3178" t="s">
        <v>38</v>
      </c>
      <c r="M39" s="3178" t="s">
        <v>38</v>
      </c>
      <c r="N39" s="3178" t="s">
        <v>38</v>
      </c>
    </row>
    <row r="40" spans="1:14" ht="12" customHeight="1" x14ac:dyDescent="0.25">
      <c r="A40" s="3334" t="s">
        <v>868</v>
      </c>
      <c r="B40" s="3334" t="s">
        <v>38</v>
      </c>
      <c r="C40" s="3334" t="s">
        <v>38</v>
      </c>
      <c r="D40" s="3334" t="s">
        <v>38</v>
      </c>
      <c r="E40" s="3334" t="s">
        <v>38</v>
      </c>
      <c r="F40" s="3334" t="s">
        <v>38</v>
      </c>
      <c r="G40" s="3334" t="s">
        <v>38</v>
      </c>
      <c r="H40" s="3334" t="s">
        <v>38</v>
      </c>
      <c r="I40" s="3334" t="s">
        <v>38</v>
      </c>
      <c r="J40" s="3334" t="s">
        <v>38</v>
      </c>
      <c r="K40" s="3334" t="s">
        <v>38</v>
      </c>
      <c r="L40" s="3334" t="s">
        <v>38</v>
      </c>
      <c r="M40" s="3334" t="s">
        <v>38</v>
      </c>
      <c r="N40" s="3334" t="s">
        <v>38</v>
      </c>
    </row>
    <row r="41" spans="1:14" ht="26.25" customHeight="1" x14ac:dyDescent="0.25">
      <c r="A41" s="3178" t="s">
        <v>560</v>
      </c>
      <c r="B41" s="3178" t="s">
        <v>38</v>
      </c>
      <c r="C41" s="3178" t="s">
        <v>38</v>
      </c>
      <c r="D41" s="3178" t="s">
        <v>38</v>
      </c>
      <c r="E41" s="3178" t="s">
        <v>38</v>
      </c>
      <c r="F41" s="3178" t="s">
        <v>38</v>
      </c>
      <c r="G41" s="3178" t="s">
        <v>38</v>
      </c>
      <c r="H41" s="3178" t="s">
        <v>38</v>
      </c>
      <c r="I41" s="3178" t="s">
        <v>38</v>
      </c>
      <c r="J41" s="3178" t="s">
        <v>38</v>
      </c>
      <c r="K41" s="3178" t="s">
        <v>38</v>
      </c>
      <c r="L41" s="3178" t="s">
        <v>38</v>
      </c>
      <c r="M41" s="3178" t="s">
        <v>38</v>
      </c>
      <c r="N41" s="3178" t="s">
        <v>38</v>
      </c>
    </row>
    <row r="42" spans="1:14" ht="12" customHeight="1" x14ac:dyDescent="0.25">
      <c r="A42" s="3334" t="s">
        <v>561</v>
      </c>
      <c r="B42" s="3334" t="s">
        <v>38</v>
      </c>
      <c r="C42" s="3334" t="s">
        <v>38</v>
      </c>
      <c r="D42" s="3334" t="s">
        <v>38</v>
      </c>
      <c r="E42" s="3334" t="s">
        <v>38</v>
      </c>
      <c r="F42" s="3334" t="s">
        <v>38</v>
      </c>
      <c r="G42" s="3334" t="s">
        <v>38</v>
      </c>
      <c r="H42" s="3334" t="s">
        <v>38</v>
      </c>
      <c r="I42" s="3334" t="s">
        <v>38</v>
      </c>
      <c r="J42" s="3334" t="s">
        <v>38</v>
      </c>
      <c r="K42" s="3334" t="s">
        <v>38</v>
      </c>
      <c r="L42" s="3334" t="s">
        <v>38</v>
      </c>
      <c r="M42" s="3334" t="s">
        <v>38</v>
      </c>
      <c r="N42" s="3334" t="s">
        <v>38</v>
      </c>
    </row>
    <row r="43" spans="1:14" ht="12" customHeight="1" x14ac:dyDescent="0.25">
      <c r="A43" s="3334" t="s">
        <v>869</v>
      </c>
      <c r="B43" s="3334" t="s">
        <v>38</v>
      </c>
      <c r="C43" s="3334" t="s">
        <v>38</v>
      </c>
      <c r="D43" s="3334" t="s">
        <v>38</v>
      </c>
      <c r="E43" s="3334" t="s">
        <v>38</v>
      </c>
      <c r="F43" s="3334" t="s">
        <v>38</v>
      </c>
      <c r="G43" s="3334" t="s">
        <v>38</v>
      </c>
      <c r="H43" s="3334" t="s">
        <v>38</v>
      </c>
      <c r="I43" s="3334" t="s">
        <v>38</v>
      </c>
      <c r="J43" s="3334" t="s">
        <v>38</v>
      </c>
      <c r="K43" s="3334" t="s">
        <v>38</v>
      </c>
      <c r="L43" s="3334" t="s">
        <v>38</v>
      </c>
      <c r="M43" s="3334" t="s">
        <v>38</v>
      </c>
      <c r="N43" s="3334" t="s">
        <v>38</v>
      </c>
    </row>
    <row r="44" spans="1:14" ht="12" customHeight="1" x14ac:dyDescent="0.25">
      <c r="A44" s="1514" t="s">
        <v>870</v>
      </c>
      <c r="B44" s="1514"/>
      <c r="C44" s="1514"/>
      <c r="D44" s="1514"/>
      <c r="E44" s="1514"/>
      <c r="F44" s="1514"/>
      <c r="G44" s="1514"/>
      <c r="H44" s="1514"/>
      <c r="I44" s="1514"/>
      <c r="J44" s="1514"/>
      <c r="K44" s="1514"/>
      <c r="L44" s="1514"/>
      <c r="M44" s="1514"/>
      <c r="N44" s="1514"/>
    </row>
  </sheetData>
  <mergeCells count="11">
    <mergeCell ref="A2:N2"/>
    <mergeCell ref="B3:C3"/>
    <mergeCell ref="D3:G3"/>
    <mergeCell ref="H3:J3"/>
    <mergeCell ref="K3:L3"/>
    <mergeCell ref="M3:N3"/>
    <mergeCell ref="A39:N39"/>
    <mergeCell ref="A40:N40"/>
    <mergeCell ref="A41:N41"/>
    <mergeCell ref="A42:N42"/>
    <mergeCell ref="A43:N43"/>
  </mergeCells>
  <hyperlinks>
    <hyperlink ref="A1" location="TDM!A1" display="Retour à la table des matières" xr:uid="{00000000-0004-0000-2200-000000000000}"/>
  </hyperlinks>
  <printOptions horizontalCentered="1"/>
  <pageMargins left="0.51181102362204722" right="0.51181102362204722" top="0.51181102362204722" bottom="0.51181102362204722" header="0.23622047244094491" footer="0.23622047244094491"/>
  <pageSetup scale="51" orientation="landscape" r:id="rId1"/>
  <headerFooter>
    <oddFooter>&amp;L&amp;G&amp;C&amp;"Scotia,Regular"&amp;9Informations financières supplémentaires (IFS)&amp;R&amp;"Scotia,Regular"&amp;9&amp;A</oddFooter>
  </headerFooter>
  <legacyDrawingHF r:id="rId2"/>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060FE13-F32E-4F73-9DA4-4758D11566DA}">
  <sheetPr>
    <pageSetUpPr fitToPage="1"/>
  </sheetPr>
  <dimension ref="A1:N53"/>
  <sheetViews>
    <sheetView showGridLines="0" zoomScaleNormal="100" workbookViewId="0"/>
  </sheetViews>
  <sheetFormatPr defaultColWidth="8.7265625" defaultRowHeight="12.5" x14ac:dyDescent="0.25"/>
  <cols>
    <col min="1" max="1" width="75.54296875" style="25" customWidth="1"/>
    <col min="2" max="2" width="10.7265625" style="25" customWidth="1"/>
    <col min="3" max="10" width="12.7265625" style="25" customWidth="1"/>
    <col min="11" max="12" width="10.7265625" style="25" customWidth="1"/>
    <col min="13" max="14" width="12.7265625" style="25" customWidth="1"/>
    <col min="15" max="16384" width="8.7265625" style="25"/>
  </cols>
  <sheetData>
    <row r="1" spans="1:14" ht="20.149999999999999" customHeight="1" x14ac:dyDescent="0.25">
      <c r="A1" s="24" t="s">
        <v>37</v>
      </c>
    </row>
    <row r="2" spans="1:14" ht="25" customHeight="1" x14ac:dyDescent="0.25">
      <c r="A2" s="3353" t="s">
        <v>675</v>
      </c>
      <c r="B2" s="3353" t="s">
        <v>38</v>
      </c>
      <c r="C2" s="3353" t="s">
        <v>38</v>
      </c>
      <c r="D2" s="3353" t="s">
        <v>38</v>
      </c>
      <c r="E2" s="3353" t="s">
        <v>38</v>
      </c>
      <c r="F2" s="3353" t="s">
        <v>38</v>
      </c>
      <c r="G2" s="3353" t="s">
        <v>38</v>
      </c>
      <c r="H2" s="3353" t="s">
        <v>38</v>
      </c>
      <c r="I2" s="3353" t="s">
        <v>38</v>
      </c>
      <c r="J2" s="3353" t="s">
        <v>38</v>
      </c>
      <c r="K2" s="3353" t="s">
        <v>38</v>
      </c>
      <c r="L2" s="3353" t="s">
        <v>38</v>
      </c>
      <c r="M2" s="3353" t="s">
        <v>38</v>
      </c>
      <c r="N2" s="3353" t="s">
        <v>38</v>
      </c>
    </row>
    <row r="3" spans="1:14" ht="15" customHeight="1" x14ac:dyDescent="0.25">
      <c r="A3" s="1397"/>
      <c r="B3" s="3347" t="s">
        <v>174</v>
      </c>
      <c r="C3" s="3348" t="s">
        <v>38</v>
      </c>
      <c r="D3" s="3349" t="s">
        <v>240</v>
      </c>
      <c r="E3" s="3350" t="s">
        <v>38</v>
      </c>
      <c r="F3" s="3350" t="s">
        <v>38</v>
      </c>
      <c r="G3" s="3351" t="s">
        <v>38</v>
      </c>
      <c r="H3" s="3349" t="s">
        <v>241</v>
      </c>
      <c r="I3" s="3350" t="s">
        <v>38</v>
      </c>
      <c r="J3" s="3350" t="s">
        <v>38</v>
      </c>
      <c r="K3" s="3349" t="s">
        <v>716</v>
      </c>
      <c r="L3" s="3351" t="s">
        <v>38</v>
      </c>
      <c r="M3" s="3350" t="s">
        <v>717</v>
      </c>
      <c r="N3" s="3350" t="s">
        <v>38</v>
      </c>
    </row>
    <row r="4" spans="1:14" ht="15" customHeight="1" x14ac:dyDescent="0.25">
      <c r="A4" s="3085"/>
      <c r="B4" s="1417" t="s">
        <v>49</v>
      </c>
      <c r="C4" s="1418" t="s">
        <v>45</v>
      </c>
      <c r="D4" s="1419" t="s">
        <v>569</v>
      </c>
      <c r="E4" s="1420" t="s">
        <v>570</v>
      </c>
      <c r="F4" s="1420" t="s">
        <v>49</v>
      </c>
      <c r="G4" s="1421" t="s">
        <v>45</v>
      </c>
      <c r="H4" s="1419" t="s">
        <v>569</v>
      </c>
      <c r="I4" s="1420" t="s">
        <v>570</v>
      </c>
      <c r="J4" s="1420" t="s">
        <v>49</v>
      </c>
      <c r="K4" s="1422">
        <v>2023</v>
      </c>
      <c r="L4" s="1423">
        <v>2022</v>
      </c>
      <c r="M4" s="1424">
        <v>2022</v>
      </c>
      <c r="N4" s="1425">
        <v>2021</v>
      </c>
    </row>
    <row r="5" spans="1:14" ht="15" customHeight="1" x14ac:dyDescent="0.25">
      <c r="A5" s="3086" t="s">
        <v>871</v>
      </c>
      <c r="B5" s="1426"/>
      <c r="C5" s="1427"/>
      <c r="D5" s="1428"/>
      <c r="E5" s="1429"/>
      <c r="F5" s="1429"/>
      <c r="G5" s="1430"/>
      <c r="H5" s="1428"/>
      <c r="I5" s="1429"/>
      <c r="J5" s="1429"/>
      <c r="K5" s="1431"/>
      <c r="L5" s="1432"/>
      <c r="M5" s="1429"/>
      <c r="N5" s="1429"/>
    </row>
    <row r="6" spans="1:14" ht="15" customHeight="1" x14ac:dyDescent="0.25">
      <c r="A6" s="390" t="s">
        <v>75</v>
      </c>
      <c r="B6" s="434">
        <v>623</v>
      </c>
      <c r="C6" s="354">
        <v>603</v>
      </c>
      <c r="D6" s="3035">
        <v>554</v>
      </c>
      <c r="E6" s="3036">
        <v>563</v>
      </c>
      <c r="F6" s="3036">
        <v>547</v>
      </c>
      <c r="G6" s="3037">
        <v>532</v>
      </c>
      <c r="H6" s="3035">
        <v>508</v>
      </c>
      <c r="I6" s="3036">
        <v>515</v>
      </c>
      <c r="J6" s="3036">
        <v>533</v>
      </c>
      <c r="K6" s="3035">
        <v>1220</v>
      </c>
      <c r="L6" s="3037">
        <v>1072</v>
      </c>
      <c r="M6" s="3036">
        <v>2185</v>
      </c>
      <c r="N6" s="3036">
        <v>2082</v>
      </c>
    </row>
    <row r="7" spans="1:14" ht="15" customHeight="1" x14ac:dyDescent="0.25">
      <c r="A7" s="1409" t="s">
        <v>58</v>
      </c>
      <c r="B7" s="2985">
        <v>25</v>
      </c>
      <c r="C7" s="2986">
        <v>37</v>
      </c>
      <c r="D7" s="2987">
        <v>45</v>
      </c>
      <c r="E7" s="2988">
        <v>56</v>
      </c>
      <c r="F7" s="2988">
        <v>43</v>
      </c>
      <c r="G7" s="2989">
        <v>46</v>
      </c>
      <c r="H7" s="2987">
        <v>56</v>
      </c>
      <c r="I7" s="2988">
        <v>57</v>
      </c>
      <c r="J7" s="2988">
        <v>71</v>
      </c>
      <c r="K7" s="2987">
        <v>60</v>
      </c>
      <c r="L7" s="2989">
        <v>87</v>
      </c>
      <c r="M7" s="2988">
        <v>187</v>
      </c>
      <c r="N7" s="2988">
        <v>243</v>
      </c>
    </row>
    <row r="8" spans="1:14" ht="15" customHeight="1" x14ac:dyDescent="0.25">
      <c r="A8" s="1409" t="s">
        <v>57</v>
      </c>
      <c r="B8" s="2985">
        <v>344</v>
      </c>
      <c r="C8" s="2986">
        <v>350</v>
      </c>
      <c r="D8" s="2987">
        <v>344</v>
      </c>
      <c r="E8" s="2988">
        <v>340</v>
      </c>
      <c r="F8" s="2988">
        <v>328</v>
      </c>
      <c r="G8" s="2989">
        <v>344</v>
      </c>
      <c r="H8" s="2987">
        <v>325</v>
      </c>
      <c r="I8" s="2988">
        <v>364</v>
      </c>
      <c r="J8" s="2988">
        <v>336</v>
      </c>
      <c r="K8" s="2987">
        <v>689</v>
      </c>
      <c r="L8" s="2989">
        <v>669</v>
      </c>
      <c r="M8" s="2988">
        <v>1348</v>
      </c>
      <c r="N8" s="2988">
        <v>1379</v>
      </c>
    </row>
    <row r="9" spans="1:14" ht="15" customHeight="1" x14ac:dyDescent="0.25">
      <c r="A9" s="1409" t="s">
        <v>554</v>
      </c>
      <c r="B9" s="2985">
        <v>254</v>
      </c>
      <c r="C9" s="2986">
        <v>216</v>
      </c>
      <c r="D9" s="2987">
        <v>165</v>
      </c>
      <c r="E9" s="2988">
        <v>167</v>
      </c>
      <c r="F9" s="2988">
        <v>176</v>
      </c>
      <c r="G9" s="2989">
        <v>142</v>
      </c>
      <c r="H9" s="2987">
        <v>127</v>
      </c>
      <c r="I9" s="2988">
        <v>94</v>
      </c>
      <c r="J9" s="2988">
        <v>126</v>
      </c>
      <c r="K9" s="2987">
        <v>471</v>
      </c>
      <c r="L9" s="2989">
        <v>316</v>
      </c>
      <c r="M9" s="2988">
        <v>650</v>
      </c>
      <c r="N9" s="2988">
        <v>460</v>
      </c>
    </row>
    <row r="10" spans="1:14" ht="15" customHeight="1" x14ac:dyDescent="0.25">
      <c r="A10" s="1409" t="s">
        <v>74</v>
      </c>
      <c r="B10" s="2985">
        <v>56</v>
      </c>
      <c r="C10" s="2986">
        <v>48</v>
      </c>
      <c r="D10" s="2987">
        <v>36</v>
      </c>
      <c r="E10" s="2988">
        <v>16</v>
      </c>
      <c r="F10" s="2988">
        <v>54</v>
      </c>
      <c r="G10" s="2989">
        <v>30</v>
      </c>
      <c r="H10" s="2987">
        <v>32</v>
      </c>
      <c r="I10" s="2988">
        <v>19</v>
      </c>
      <c r="J10" s="2988">
        <v>28</v>
      </c>
      <c r="K10" s="2987">
        <v>104</v>
      </c>
      <c r="L10" s="2989">
        <v>85</v>
      </c>
      <c r="M10" s="2988">
        <v>140</v>
      </c>
      <c r="N10" s="2988">
        <v>109</v>
      </c>
    </row>
    <row r="11" spans="1:14" ht="15" customHeight="1" x14ac:dyDescent="0.25">
      <c r="A11" s="1409" t="s">
        <v>72</v>
      </c>
      <c r="B11" s="2985">
        <v>198</v>
      </c>
      <c r="C11" s="2986">
        <v>168</v>
      </c>
      <c r="D11" s="2987">
        <v>129</v>
      </c>
      <c r="E11" s="2988">
        <v>152</v>
      </c>
      <c r="F11" s="2988">
        <v>122</v>
      </c>
      <c r="G11" s="2989">
        <v>112</v>
      </c>
      <c r="H11" s="2987">
        <v>96</v>
      </c>
      <c r="I11" s="2988">
        <v>75</v>
      </c>
      <c r="J11" s="2988">
        <v>98</v>
      </c>
      <c r="K11" s="2987">
        <v>366</v>
      </c>
      <c r="L11" s="2989">
        <v>231</v>
      </c>
      <c r="M11" s="2988">
        <v>510</v>
      </c>
      <c r="N11" s="2988">
        <v>352</v>
      </c>
    </row>
    <row r="12" spans="1:14" ht="15" customHeight="1" x14ac:dyDescent="0.25">
      <c r="A12" s="1409" t="s">
        <v>629</v>
      </c>
      <c r="B12" s="2985">
        <v>1</v>
      </c>
      <c r="C12" s="2986">
        <v>1</v>
      </c>
      <c r="D12" s="2987">
        <v>1</v>
      </c>
      <c r="E12" s="2988">
        <v>1</v>
      </c>
      <c r="F12" s="2988">
        <v>1</v>
      </c>
      <c r="G12" s="2989">
        <v>1</v>
      </c>
      <c r="H12" s="2987">
        <v>0</v>
      </c>
      <c r="I12" s="2988">
        <v>1</v>
      </c>
      <c r="J12" s="2988">
        <v>1</v>
      </c>
      <c r="K12" s="2987">
        <v>2</v>
      </c>
      <c r="L12" s="2989">
        <v>2</v>
      </c>
      <c r="M12" s="2988">
        <v>3</v>
      </c>
      <c r="N12" s="2988">
        <v>3</v>
      </c>
    </row>
    <row r="13" spans="1:14" ht="15" customHeight="1" x14ac:dyDescent="0.25">
      <c r="A13" s="1410" t="s">
        <v>630</v>
      </c>
      <c r="B13" s="2985">
        <v>199</v>
      </c>
      <c r="C13" s="2986">
        <v>169</v>
      </c>
      <c r="D13" s="2991">
        <v>130</v>
      </c>
      <c r="E13" s="2988">
        <v>153</v>
      </c>
      <c r="F13" s="2988">
        <v>123</v>
      </c>
      <c r="G13" s="2989">
        <v>113</v>
      </c>
      <c r="H13" s="2987">
        <v>96</v>
      </c>
      <c r="I13" s="2988">
        <v>76</v>
      </c>
      <c r="J13" s="2988">
        <v>99</v>
      </c>
      <c r="K13" s="2991">
        <v>368</v>
      </c>
      <c r="L13" s="2989">
        <v>233</v>
      </c>
      <c r="M13" s="2992">
        <v>513</v>
      </c>
      <c r="N13" s="2992">
        <v>355</v>
      </c>
    </row>
    <row r="14" spans="1:14" ht="15" customHeight="1" x14ac:dyDescent="0.25">
      <c r="A14" s="1410" t="s">
        <v>173</v>
      </c>
      <c r="B14" s="2985"/>
      <c r="C14" s="2986"/>
      <c r="D14" s="2987"/>
      <c r="E14" s="2988"/>
      <c r="F14" s="2988"/>
      <c r="G14" s="2989"/>
      <c r="H14" s="2987"/>
      <c r="I14" s="2988"/>
      <c r="J14" s="2988"/>
      <c r="K14" s="2987"/>
      <c r="L14" s="2989"/>
      <c r="M14" s="2988"/>
      <c r="N14" s="2988"/>
    </row>
    <row r="15" spans="1:14" ht="15" customHeight="1" x14ac:dyDescent="0.25">
      <c r="A15" s="1409" t="s">
        <v>229</v>
      </c>
      <c r="B15" s="2985">
        <v>26</v>
      </c>
      <c r="C15" s="2986">
        <v>27</v>
      </c>
      <c r="D15" s="2987">
        <v>24</v>
      </c>
      <c r="E15" s="2988">
        <v>25</v>
      </c>
      <c r="F15" s="2988">
        <v>23</v>
      </c>
      <c r="G15" s="2989">
        <v>22</v>
      </c>
      <c r="H15" s="2987">
        <v>18</v>
      </c>
      <c r="I15" s="2988">
        <v>21</v>
      </c>
      <c r="J15" s="2988">
        <v>22</v>
      </c>
      <c r="K15" s="2987">
        <v>52</v>
      </c>
      <c r="L15" s="2989">
        <v>45</v>
      </c>
      <c r="M15" s="2988">
        <v>95</v>
      </c>
      <c r="N15" s="2988">
        <v>79</v>
      </c>
    </row>
    <row r="16" spans="1:14" ht="29" x14ac:dyDescent="0.25">
      <c r="A16" s="1505" t="s">
        <v>553</v>
      </c>
      <c r="B16" s="2985">
        <v>172</v>
      </c>
      <c r="C16" s="2986">
        <v>141</v>
      </c>
      <c r="D16" s="2987">
        <v>105</v>
      </c>
      <c r="E16" s="2988">
        <v>127</v>
      </c>
      <c r="F16" s="2988">
        <v>99</v>
      </c>
      <c r="G16" s="2989">
        <v>90</v>
      </c>
      <c r="H16" s="2987">
        <v>78</v>
      </c>
      <c r="I16" s="2988">
        <v>54</v>
      </c>
      <c r="J16" s="2988">
        <v>76</v>
      </c>
      <c r="K16" s="2987">
        <v>314</v>
      </c>
      <c r="L16" s="2989">
        <v>186</v>
      </c>
      <c r="M16" s="2988">
        <v>415</v>
      </c>
      <c r="N16" s="2988">
        <v>273</v>
      </c>
    </row>
    <row r="17" spans="1:14" ht="15" customHeight="1" x14ac:dyDescent="0.25">
      <c r="A17" s="1409" t="s">
        <v>558</v>
      </c>
      <c r="B17" s="2985">
        <v>0</v>
      </c>
      <c r="C17" s="2986">
        <v>1</v>
      </c>
      <c r="D17" s="2987">
        <v>4</v>
      </c>
      <c r="E17" s="2988">
        <v>-26</v>
      </c>
      <c r="F17" s="2988">
        <v>-8</v>
      </c>
      <c r="G17" s="2989">
        <v>-14</v>
      </c>
      <c r="H17" s="2987">
        <v>-7</v>
      </c>
      <c r="I17" s="2988">
        <v>-7</v>
      </c>
      <c r="J17" s="2988">
        <v>-9</v>
      </c>
      <c r="K17" s="2987">
        <v>0</v>
      </c>
      <c r="L17" s="2989">
        <v>-19</v>
      </c>
      <c r="M17" s="2988">
        <v>-38</v>
      </c>
      <c r="N17" s="2988">
        <v>-29</v>
      </c>
    </row>
    <row r="18" spans="1:14" ht="15" customHeight="1" x14ac:dyDescent="0.25">
      <c r="A18" s="1410" t="s">
        <v>559</v>
      </c>
      <c r="B18" s="2985">
        <v>172</v>
      </c>
      <c r="C18" s="2986">
        <v>142</v>
      </c>
      <c r="D18" s="2987">
        <v>109</v>
      </c>
      <c r="E18" s="2988">
        <v>101</v>
      </c>
      <c r="F18" s="2988">
        <v>91</v>
      </c>
      <c r="G18" s="2989">
        <v>76</v>
      </c>
      <c r="H18" s="2987">
        <v>71</v>
      </c>
      <c r="I18" s="2988">
        <v>47</v>
      </c>
      <c r="J18" s="2988">
        <v>67</v>
      </c>
      <c r="K18" s="2987">
        <v>314</v>
      </c>
      <c r="L18" s="2989">
        <v>167</v>
      </c>
      <c r="M18" s="2988">
        <v>377</v>
      </c>
      <c r="N18" s="2988">
        <v>244</v>
      </c>
    </row>
    <row r="19" spans="1:14" ht="15" customHeight="1" x14ac:dyDescent="0.25">
      <c r="A19" s="1410" t="s">
        <v>636</v>
      </c>
      <c r="B19" s="2985"/>
      <c r="C19" s="2986"/>
      <c r="D19" s="2987"/>
      <c r="E19" s="2988"/>
      <c r="F19" s="2988"/>
      <c r="G19" s="2989"/>
      <c r="H19" s="2987"/>
      <c r="I19" s="2988"/>
      <c r="J19" s="2988"/>
      <c r="K19" s="2987"/>
      <c r="L19" s="2989"/>
      <c r="M19" s="2988"/>
      <c r="N19" s="2988"/>
    </row>
    <row r="20" spans="1:14" ht="15" customHeight="1" x14ac:dyDescent="0.25">
      <c r="A20" s="1409" t="s">
        <v>229</v>
      </c>
      <c r="B20" s="2985">
        <v>26</v>
      </c>
      <c r="C20" s="2986">
        <v>27</v>
      </c>
      <c r="D20" s="2987">
        <v>24</v>
      </c>
      <c r="E20" s="2988">
        <v>26</v>
      </c>
      <c r="F20" s="2988">
        <v>23</v>
      </c>
      <c r="G20" s="2989">
        <v>22</v>
      </c>
      <c r="H20" s="2987">
        <v>17</v>
      </c>
      <c r="I20" s="2988">
        <v>21</v>
      </c>
      <c r="J20" s="2988">
        <v>22</v>
      </c>
      <c r="K20" s="2987">
        <v>52</v>
      </c>
      <c r="L20" s="2989">
        <v>45</v>
      </c>
      <c r="M20" s="2988">
        <v>94</v>
      </c>
      <c r="N20" s="2988">
        <v>79</v>
      </c>
    </row>
    <row r="21" spans="1:14" ht="29" x14ac:dyDescent="0.25">
      <c r="A21" s="1505" t="s">
        <v>553</v>
      </c>
      <c r="B21" s="2985">
        <v>173</v>
      </c>
      <c r="C21" s="2986">
        <v>142</v>
      </c>
      <c r="D21" s="2987">
        <v>106</v>
      </c>
      <c r="E21" s="2988">
        <v>127</v>
      </c>
      <c r="F21" s="2988">
        <v>100</v>
      </c>
      <c r="G21" s="2989">
        <v>91</v>
      </c>
      <c r="H21" s="2987">
        <v>79</v>
      </c>
      <c r="I21" s="2988">
        <v>55</v>
      </c>
      <c r="J21" s="2988">
        <v>77</v>
      </c>
      <c r="K21" s="2987">
        <v>316</v>
      </c>
      <c r="L21" s="2989">
        <v>188</v>
      </c>
      <c r="M21" s="2988">
        <v>419</v>
      </c>
      <c r="N21" s="2988">
        <v>276</v>
      </c>
    </row>
    <row r="22" spans="1:14" ht="15" customHeight="1" x14ac:dyDescent="0.25">
      <c r="A22" s="1409" t="s">
        <v>558</v>
      </c>
      <c r="B22" s="2985">
        <v>0</v>
      </c>
      <c r="C22" s="2986">
        <v>0</v>
      </c>
      <c r="D22" s="2991">
        <v>4</v>
      </c>
      <c r="E22" s="2992">
        <v>-26</v>
      </c>
      <c r="F22" s="2988">
        <v>-8</v>
      </c>
      <c r="G22" s="2993">
        <v>-15</v>
      </c>
      <c r="H22" s="2991">
        <v>-8</v>
      </c>
      <c r="I22" s="2992">
        <v>-8</v>
      </c>
      <c r="J22" s="2992">
        <v>-9</v>
      </c>
      <c r="K22" s="2987">
        <v>0</v>
      </c>
      <c r="L22" s="2989">
        <v>-20</v>
      </c>
      <c r="M22" s="2988">
        <v>-40</v>
      </c>
      <c r="N22" s="2988">
        <v>-31</v>
      </c>
    </row>
    <row r="23" spans="1:14" ht="15" customHeight="1" x14ac:dyDescent="0.25">
      <c r="A23" s="1410" t="s">
        <v>559</v>
      </c>
      <c r="B23" s="2985">
        <v>173</v>
      </c>
      <c r="C23" s="2986">
        <v>142</v>
      </c>
      <c r="D23" s="2991">
        <v>110</v>
      </c>
      <c r="E23" s="2988">
        <v>101</v>
      </c>
      <c r="F23" s="2988">
        <v>92</v>
      </c>
      <c r="G23" s="2989">
        <v>76</v>
      </c>
      <c r="H23" s="2987">
        <v>71</v>
      </c>
      <c r="I23" s="2988">
        <v>47</v>
      </c>
      <c r="J23" s="2988">
        <v>68</v>
      </c>
      <c r="K23" s="2991">
        <v>316</v>
      </c>
      <c r="L23" s="2993">
        <v>168</v>
      </c>
      <c r="M23" s="2992">
        <v>379</v>
      </c>
      <c r="N23" s="2992">
        <v>245</v>
      </c>
    </row>
    <row r="24" spans="1:14" ht="15" customHeight="1" x14ac:dyDescent="0.25">
      <c r="A24" s="1412" t="s">
        <v>632</v>
      </c>
      <c r="B24" s="3038"/>
      <c r="C24" s="2995"/>
      <c r="D24" s="2996"/>
      <c r="E24" s="2997"/>
      <c r="F24" s="2997"/>
      <c r="G24" s="2998"/>
      <c r="H24" s="2996"/>
      <c r="I24" s="2997"/>
      <c r="J24" s="2997"/>
      <c r="K24" s="2999"/>
      <c r="L24" s="3000"/>
      <c r="M24" s="3001"/>
      <c r="N24" s="3001"/>
    </row>
    <row r="25" spans="1:14" ht="15" customHeight="1" x14ac:dyDescent="0.25">
      <c r="A25" s="1409" t="s">
        <v>631</v>
      </c>
      <c r="B25" s="3016">
        <v>6</v>
      </c>
      <c r="C25" s="3003">
        <v>5.68</v>
      </c>
      <c r="D25" s="3004">
        <v>5.63</v>
      </c>
      <c r="E25" s="3005">
        <v>5.25</v>
      </c>
      <c r="F25" s="3005">
        <v>5.0199999999999996</v>
      </c>
      <c r="G25" s="3006">
        <v>4.88</v>
      </c>
      <c r="H25" s="3004">
        <v>4.79</v>
      </c>
      <c r="I25" s="3005">
        <v>5.0199999999999996</v>
      </c>
      <c r="J25" s="3005">
        <v>5.24</v>
      </c>
      <c r="K25" s="3007">
        <v>5.84</v>
      </c>
      <c r="L25" s="3008">
        <v>4.95</v>
      </c>
      <c r="M25" s="3005">
        <v>5.21</v>
      </c>
      <c r="N25" s="3005">
        <v>5.09</v>
      </c>
    </row>
    <row r="26" spans="1:14" ht="15" customHeight="1" x14ac:dyDescent="0.25">
      <c r="A26" s="399" t="s">
        <v>709</v>
      </c>
      <c r="B26" s="3009"/>
      <c r="C26" s="3010"/>
      <c r="D26" s="3011"/>
      <c r="E26" s="3012"/>
      <c r="F26" s="3012"/>
      <c r="G26" s="3013"/>
      <c r="H26" s="3011"/>
      <c r="I26" s="3012"/>
      <c r="J26" s="3012"/>
      <c r="K26" s="3014"/>
      <c r="L26" s="3015"/>
      <c r="M26" s="3012"/>
      <c r="N26" s="3012"/>
    </row>
    <row r="27" spans="1:14" ht="45.5" x14ac:dyDescent="0.25">
      <c r="A27" s="1506" t="s">
        <v>872</v>
      </c>
      <c r="B27" s="3016">
        <v>0.43</v>
      </c>
      <c r="C27" s="3003">
        <v>0.6</v>
      </c>
      <c r="D27" s="3004">
        <v>0.79</v>
      </c>
      <c r="E27" s="3005">
        <v>0.94</v>
      </c>
      <c r="F27" s="3005">
        <v>0.79</v>
      </c>
      <c r="G27" s="3018">
        <v>0.8</v>
      </c>
      <c r="H27" s="3004">
        <v>0.98</v>
      </c>
      <c r="I27" s="3005">
        <v>0.96</v>
      </c>
      <c r="J27" s="3005">
        <v>1.28</v>
      </c>
      <c r="K27" s="3007">
        <v>0.52</v>
      </c>
      <c r="L27" s="3018">
        <v>0.79</v>
      </c>
      <c r="M27" s="3005">
        <v>0.83</v>
      </c>
      <c r="N27" s="3005">
        <v>1.0900000000000001</v>
      </c>
    </row>
    <row r="28" spans="1:14" ht="31" x14ac:dyDescent="0.25">
      <c r="A28" s="1506" t="s">
        <v>873</v>
      </c>
      <c r="B28" s="3016">
        <v>0.65</v>
      </c>
      <c r="C28" s="3003">
        <v>0.67</v>
      </c>
      <c r="D28" s="3004">
        <v>0.62</v>
      </c>
      <c r="E28" s="3005">
        <v>0.61</v>
      </c>
      <c r="F28" s="3005">
        <v>0.78</v>
      </c>
      <c r="G28" s="3018">
        <v>1.31</v>
      </c>
      <c r="H28" s="3004">
        <v>1.24</v>
      </c>
      <c r="I28" s="3005">
        <v>1.71</v>
      </c>
      <c r="J28" s="3005">
        <v>1.9</v>
      </c>
      <c r="K28" s="3007">
        <v>0.66</v>
      </c>
      <c r="L28" s="3018">
        <v>1.05</v>
      </c>
      <c r="M28" s="3005">
        <v>0.83</v>
      </c>
      <c r="N28" s="3005">
        <v>1.6</v>
      </c>
    </row>
    <row r="29" spans="1:14" ht="15" customHeight="1" x14ac:dyDescent="0.25">
      <c r="A29" s="1413" t="s">
        <v>81</v>
      </c>
      <c r="B29" s="3019">
        <v>55.2</v>
      </c>
      <c r="C29" s="3020">
        <v>57.8</v>
      </c>
      <c r="D29" s="3021">
        <v>61.5</v>
      </c>
      <c r="E29" s="3022">
        <v>60.5</v>
      </c>
      <c r="F29" s="3022">
        <v>60.6</v>
      </c>
      <c r="G29" s="3026">
        <v>65.2</v>
      </c>
      <c r="H29" s="3021">
        <v>64.7</v>
      </c>
      <c r="I29" s="3022">
        <v>71.599999999999994</v>
      </c>
      <c r="J29" s="3022">
        <v>64</v>
      </c>
      <c r="K29" s="3024">
        <v>56.5</v>
      </c>
      <c r="L29" s="3025">
        <v>62.9</v>
      </c>
      <c r="M29" s="3022">
        <v>61.9</v>
      </c>
      <c r="N29" s="3022">
        <v>67</v>
      </c>
    </row>
    <row r="30" spans="1:14" ht="15" customHeight="1" x14ac:dyDescent="0.25">
      <c r="A30" s="1412" t="s">
        <v>697</v>
      </c>
      <c r="B30" s="2994"/>
      <c r="C30" s="2995"/>
      <c r="D30" s="2996"/>
      <c r="E30" s="2997"/>
      <c r="F30" s="2997"/>
      <c r="G30" s="2998"/>
      <c r="H30" s="2996"/>
      <c r="I30" s="2997"/>
      <c r="J30" s="2997"/>
      <c r="K30" s="2999"/>
      <c r="L30" s="3000"/>
      <c r="M30" s="3001"/>
      <c r="N30" s="3001"/>
    </row>
    <row r="31" spans="1:14" ht="15" customHeight="1" x14ac:dyDescent="0.25">
      <c r="A31" s="390" t="s">
        <v>79</v>
      </c>
      <c r="B31" s="3019">
        <v>8.1</v>
      </c>
      <c r="C31" s="3020">
        <v>8</v>
      </c>
      <c r="D31" s="3021">
        <v>7.9</v>
      </c>
      <c r="E31" s="3022">
        <v>7.7</v>
      </c>
      <c r="F31" s="3022">
        <v>7.6</v>
      </c>
      <c r="G31" s="3026">
        <v>7.5</v>
      </c>
      <c r="H31" s="3021">
        <v>7.5</v>
      </c>
      <c r="I31" s="3022">
        <v>7.6</v>
      </c>
      <c r="J31" s="3022">
        <v>7.6</v>
      </c>
      <c r="K31" s="3021">
        <v>8</v>
      </c>
      <c r="L31" s="3026">
        <v>7.5</v>
      </c>
      <c r="M31" s="3022">
        <v>7.6</v>
      </c>
      <c r="N31" s="3022">
        <v>7.6</v>
      </c>
    </row>
    <row r="32" spans="1:14" ht="15" customHeight="1" x14ac:dyDescent="0.25">
      <c r="A32" s="1409" t="s">
        <v>233</v>
      </c>
      <c r="B32" s="3019">
        <v>3.4</v>
      </c>
      <c r="C32" s="3020">
        <v>3.3</v>
      </c>
      <c r="D32" s="3021">
        <v>3.3</v>
      </c>
      <c r="E32" s="3022">
        <v>3.3</v>
      </c>
      <c r="F32" s="3022">
        <v>3.2</v>
      </c>
      <c r="G32" s="3026">
        <v>3.2</v>
      </c>
      <c r="H32" s="3021">
        <v>3.2</v>
      </c>
      <c r="I32" s="3022">
        <v>3.3</v>
      </c>
      <c r="J32" s="3022">
        <v>3.4</v>
      </c>
      <c r="K32" s="3021">
        <v>3.3</v>
      </c>
      <c r="L32" s="3026">
        <v>3.2</v>
      </c>
      <c r="M32" s="3022">
        <v>3.2</v>
      </c>
      <c r="N32" s="3022">
        <v>3.4</v>
      </c>
    </row>
    <row r="33" spans="1:14" ht="15" customHeight="1" x14ac:dyDescent="0.25">
      <c r="A33" s="1409" t="s">
        <v>788</v>
      </c>
      <c r="B33" s="3019">
        <v>1.5</v>
      </c>
      <c r="C33" s="3020">
        <v>1.5</v>
      </c>
      <c r="D33" s="3021">
        <v>1.5</v>
      </c>
      <c r="E33" s="3022">
        <v>1.5</v>
      </c>
      <c r="F33" s="3022">
        <v>1.4</v>
      </c>
      <c r="G33" s="3026">
        <v>1.5</v>
      </c>
      <c r="H33" s="3021">
        <v>1.5</v>
      </c>
      <c r="I33" s="3022">
        <v>1.5</v>
      </c>
      <c r="J33" s="3022">
        <v>1.6</v>
      </c>
      <c r="K33" s="3021">
        <v>1.5</v>
      </c>
      <c r="L33" s="3026">
        <v>1.4</v>
      </c>
      <c r="M33" s="3022">
        <v>1.4</v>
      </c>
      <c r="N33" s="3022">
        <v>1.6</v>
      </c>
    </row>
    <row r="34" spans="1:14" ht="15" customHeight="1" x14ac:dyDescent="0.25">
      <c r="A34" s="1409" t="s">
        <v>575</v>
      </c>
      <c r="B34" s="3019">
        <v>10</v>
      </c>
      <c r="C34" s="3020">
        <v>10.3</v>
      </c>
      <c r="D34" s="3021">
        <v>10.199999999999999</v>
      </c>
      <c r="E34" s="3022">
        <v>10.1</v>
      </c>
      <c r="F34" s="3022">
        <v>10.1</v>
      </c>
      <c r="G34" s="3026">
        <v>10.1</v>
      </c>
      <c r="H34" s="3021">
        <v>10</v>
      </c>
      <c r="I34" s="3022">
        <v>10.199999999999999</v>
      </c>
      <c r="J34" s="3022">
        <v>10.5</v>
      </c>
      <c r="K34" s="3021">
        <v>10.199999999999999</v>
      </c>
      <c r="L34" s="3026">
        <v>10.1</v>
      </c>
      <c r="M34" s="3022">
        <v>10.1</v>
      </c>
      <c r="N34" s="3022">
        <v>10.1</v>
      </c>
    </row>
    <row r="35" spans="1:14" ht="15" customHeight="1" x14ac:dyDescent="0.25">
      <c r="A35" s="1410" t="s">
        <v>576</v>
      </c>
      <c r="B35" s="3019">
        <v>23</v>
      </c>
      <c r="C35" s="3020">
        <v>23.1</v>
      </c>
      <c r="D35" s="3027">
        <v>22.9</v>
      </c>
      <c r="E35" s="3022">
        <v>22.6</v>
      </c>
      <c r="F35" s="3022">
        <v>22.3</v>
      </c>
      <c r="G35" s="3026">
        <v>22.299999999999997</v>
      </c>
      <c r="H35" s="3021">
        <v>22.2</v>
      </c>
      <c r="I35" s="3022">
        <v>22.6</v>
      </c>
      <c r="J35" s="3022">
        <v>23.1</v>
      </c>
      <c r="K35" s="3027">
        <v>23</v>
      </c>
      <c r="L35" s="3028">
        <v>22.2</v>
      </c>
      <c r="M35" s="3029">
        <v>22.3</v>
      </c>
      <c r="N35" s="3029">
        <v>22.7</v>
      </c>
    </row>
    <row r="36" spans="1:14" ht="15" customHeight="1" x14ac:dyDescent="0.25">
      <c r="A36" s="1410"/>
      <c r="B36" s="3019"/>
      <c r="C36" s="3020"/>
      <c r="D36" s="3027"/>
      <c r="E36" s="3022"/>
      <c r="F36" s="3022"/>
      <c r="G36" s="3026"/>
      <c r="H36" s="3021"/>
      <c r="I36" s="3022"/>
      <c r="J36" s="3022"/>
      <c r="K36" s="3027"/>
      <c r="L36" s="3028"/>
      <c r="M36" s="3029"/>
      <c r="N36" s="3029"/>
    </row>
    <row r="37" spans="1:14" ht="15" customHeight="1" x14ac:dyDescent="0.25">
      <c r="A37" s="1410" t="s">
        <v>581</v>
      </c>
      <c r="B37" s="3019">
        <v>25.3</v>
      </c>
      <c r="C37" s="3020">
        <v>24.9</v>
      </c>
      <c r="D37" s="3021">
        <v>24.6</v>
      </c>
      <c r="E37" s="3022">
        <v>24.4</v>
      </c>
      <c r="F37" s="3022">
        <v>24.1</v>
      </c>
      <c r="G37" s="3026">
        <v>23.6</v>
      </c>
      <c r="H37" s="3021">
        <v>24.6</v>
      </c>
      <c r="I37" s="3022">
        <v>24.7</v>
      </c>
      <c r="J37" s="3022">
        <v>24.5</v>
      </c>
      <c r="K37" s="3021">
        <v>24.9</v>
      </c>
      <c r="L37" s="3026">
        <v>23.7</v>
      </c>
      <c r="M37" s="3022">
        <v>24</v>
      </c>
      <c r="N37" s="3022">
        <v>24.5</v>
      </c>
    </row>
    <row r="38" spans="1:14" ht="15" customHeight="1" x14ac:dyDescent="0.25">
      <c r="A38" s="1411"/>
      <c r="B38" s="410"/>
      <c r="C38" s="411"/>
      <c r="D38" s="3039"/>
      <c r="E38" s="3040"/>
      <c r="F38" s="3040"/>
      <c r="G38" s="3041"/>
      <c r="H38" s="3039"/>
      <c r="I38" s="3040"/>
      <c r="J38" s="3040"/>
      <c r="K38" s="3039"/>
      <c r="L38" s="3041"/>
      <c r="M38" s="3040"/>
      <c r="N38" s="3040"/>
    </row>
    <row r="39" spans="1:14" ht="15" customHeight="1" x14ac:dyDescent="0.25">
      <c r="A39" s="1412" t="s">
        <v>874</v>
      </c>
      <c r="B39" s="3042"/>
      <c r="C39" s="3043"/>
      <c r="D39" s="3044"/>
      <c r="E39" s="3045"/>
      <c r="F39" s="3045"/>
      <c r="G39" s="3046"/>
      <c r="H39" s="3044"/>
      <c r="I39" s="3045"/>
      <c r="J39" s="3045"/>
      <c r="K39" s="3044"/>
      <c r="L39" s="3046"/>
      <c r="M39" s="3045"/>
      <c r="N39" s="3045"/>
    </row>
    <row r="40" spans="1:14" ht="16.5" x14ac:dyDescent="0.25">
      <c r="A40" s="1507" t="s">
        <v>875</v>
      </c>
      <c r="B40" s="434">
        <v>32</v>
      </c>
      <c r="C40" s="354">
        <v>32</v>
      </c>
      <c r="D40" s="3035">
        <v>30</v>
      </c>
      <c r="E40" s="3036">
        <v>36</v>
      </c>
      <c r="F40" s="3036">
        <v>37</v>
      </c>
      <c r="G40" s="3037">
        <v>44</v>
      </c>
      <c r="H40" s="3035">
        <v>38</v>
      </c>
      <c r="I40" s="3036">
        <v>43</v>
      </c>
      <c r="J40" s="3036">
        <v>43</v>
      </c>
      <c r="K40" s="3035">
        <v>63</v>
      </c>
      <c r="L40" s="3037">
        <v>79</v>
      </c>
      <c r="M40" s="3036">
        <v>145</v>
      </c>
      <c r="N40" s="3036">
        <v>167</v>
      </c>
    </row>
    <row r="41" spans="1:14" ht="15" customHeight="1" x14ac:dyDescent="0.25">
      <c r="A41" s="1409" t="s">
        <v>74</v>
      </c>
      <c r="B41" s="2985">
        <v>12</v>
      </c>
      <c r="C41" s="2986">
        <v>12</v>
      </c>
      <c r="D41" s="2987">
        <v>12</v>
      </c>
      <c r="E41" s="2988">
        <v>9</v>
      </c>
      <c r="F41" s="2988">
        <v>13</v>
      </c>
      <c r="G41" s="2989">
        <v>15</v>
      </c>
      <c r="H41" s="2987">
        <v>17</v>
      </c>
      <c r="I41" s="2988">
        <v>10</v>
      </c>
      <c r="J41" s="2988">
        <v>15</v>
      </c>
      <c r="K41" s="2987">
        <v>24</v>
      </c>
      <c r="L41" s="2989">
        <v>27</v>
      </c>
      <c r="M41" s="2988">
        <v>49</v>
      </c>
      <c r="N41" s="2988">
        <v>57</v>
      </c>
    </row>
    <row r="42" spans="1:14" ht="15" customHeight="1" x14ac:dyDescent="0.25">
      <c r="A42" s="1410" t="s">
        <v>54</v>
      </c>
      <c r="B42" s="2985">
        <v>20</v>
      </c>
      <c r="C42" s="2986">
        <v>20</v>
      </c>
      <c r="D42" s="2991">
        <v>18</v>
      </c>
      <c r="E42" s="2988">
        <v>27</v>
      </c>
      <c r="F42" s="2988">
        <v>24</v>
      </c>
      <c r="G42" s="2989">
        <v>29</v>
      </c>
      <c r="H42" s="2987">
        <v>21</v>
      </c>
      <c r="I42" s="2988">
        <v>33</v>
      </c>
      <c r="J42" s="2988">
        <v>28</v>
      </c>
      <c r="K42" s="2991">
        <v>39</v>
      </c>
      <c r="L42" s="2993">
        <v>52</v>
      </c>
      <c r="M42" s="2992">
        <v>96</v>
      </c>
      <c r="N42" s="2992">
        <v>110</v>
      </c>
    </row>
    <row r="43" spans="1:14" ht="15" customHeight="1" x14ac:dyDescent="0.25">
      <c r="A43" s="1409" t="s">
        <v>229</v>
      </c>
      <c r="B43" s="2985">
        <v>0</v>
      </c>
      <c r="C43" s="2986">
        <v>0</v>
      </c>
      <c r="D43" s="2987">
        <v>0</v>
      </c>
      <c r="E43" s="2988">
        <v>0</v>
      </c>
      <c r="F43" s="2988">
        <v>0</v>
      </c>
      <c r="G43" s="2989">
        <v>0</v>
      </c>
      <c r="H43" s="2987">
        <v>0</v>
      </c>
      <c r="I43" s="2988">
        <v>0</v>
      </c>
      <c r="J43" s="2988">
        <v>0</v>
      </c>
      <c r="K43" s="2987">
        <v>0</v>
      </c>
      <c r="L43" s="2989">
        <v>0</v>
      </c>
      <c r="M43" s="2988">
        <v>0</v>
      </c>
      <c r="N43" s="2988">
        <v>0</v>
      </c>
    </row>
    <row r="44" spans="1:14" ht="29" x14ac:dyDescent="0.25">
      <c r="A44" s="1505" t="s">
        <v>553</v>
      </c>
      <c r="B44" s="2985">
        <v>20</v>
      </c>
      <c r="C44" s="2986">
        <v>20</v>
      </c>
      <c r="D44" s="2987">
        <v>18</v>
      </c>
      <c r="E44" s="2988">
        <v>27</v>
      </c>
      <c r="F44" s="2988">
        <v>24</v>
      </c>
      <c r="G44" s="2989">
        <v>29</v>
      </c>
      <c r="H44" s="2987">
        <v>21</v>
      </c>
      <c r="I44" s="2988">
        <v>33</v>
      </c>
      <c r="J44" s="2988">
        <v>28</v>
      </c>
      <c r="K44" s="2987">
        <v>39</v>
      </c>
      <c r="L44" s="2989">
        <v>52</v>
      </c>
      <c r="M44" s="2988">
        <v>96</v>
      </c>
      <c r="N44" s="2988">
        <v>110</v>
      </c>
    </row>
    <row r="45" spans="1:14" ht="15" customHeight="1" x14ac:dyDescent="0.25">
      <c r="A45" s="1409" t="s">
        <v>558</v>
      </c>
      <c r="B45" s="2985">
        <v>0</v>
      </c>
      <c r="C45" s="2986">
        <v>0</v>
      </c>
      <c r="D45" s="2987">
        <v>-1</v>
      </c>
      <c r="E45" s="2988">
        <v>-1</v>
      </c>
      <c r="F45" s="2988">
        <v>0</v>
      </c>
      <c r="G45" s="2986">
        <v>0</v>
      </c>
      <c r="H45" s="2987">
        <v>-1</v>
      </c>
      <c r="I45" s="2988">
        <v>-1</v>
      </c>
      <c r="J45" s="2988">
        <v>0</v>
      </c>
      <c r="K45" s="2987">
        <v>0</v>
      </c>
      <c r="L45" s="2986">
        <v>1</v>
      </c>
      <c r="M45" s="2988">
        <v>0</v>
      </c>
      <c r="N45" s="2988">
        <v>0</v>
      </c>
    </row>
    <row r="46" spans="1:14" ht="15" customHeight="1" x14ac:dyDescent="0.25">
      <c r="A46" s="1410" t="s">
        <v>559</v>
      </c>
      <c r="B46" s="2985">
        <v>20</v>
      </c>
      <c r="C46" s="2986">
        <v>20</v>
      </c>
      <c r="D46" s="2991">
        <v>17</v>
      </c>
      <c r="E46" s="2988">
        <v>26</v>
      </c>
      <c r="F46" s="2988">
        <v>24</v>
      </c>
      <c r="G46" s="2989">
        <v>29</v>
      </c>
      <c r="H46" s="2987">
        <v>20</v>
      </c>
      <c r="I46" s="2988">
        <v>32</v>
      </c>
      <c r="J46" s="2988">
        <v>28</v>
      </c>
      <c r="K46" s="2991">
        <v>39</v>
      </c>
      <c r="L46" s="2993">
        <v>53</v>
      </c>
      <c r="M46" s="2992">
        <v>96</v>
      </c>
      <c r="N46" s="2992">
        <v>110</v>
      </c>
    </row>
    <row r="47" spans="1:14" ht="12" customHeight="1" x14ac:dyDescent="0.25">
      <c r="A47" s="1433"/>
      <c r="B47" s="1433"/>
      <c r="C47" s="1433"/>
      <c r="D47" s="1433"/>
      <c r="E47" s="1433"/>
      <c r="F47" s="1433"/>
      <c r="G47" s="1433"/>
      <c r="H47" s="1433"/>
      <c r="I47" s="1433"/>
      <c r="J47" s="1433"/>
      <c r="K47" s="1433"/>
      <c r="L47" s="1433"/>
      <c r="M47" s="1433"/>
      <c r="N47" s="1433"/>
    </row>
    <row r="48" spans="1:14" ht="23.25" customHeight="1" x14ac:dyDescent="0.25">
      <c r="A48" s="3178" t="s">
        <v>867</v>
      </c>
      <c r="B48" s="3352" t="s">
        <v>38</v>
      </c>
      <c r="C48" s="3352" t="s">
        <v>38</v>
      </c>
      <c r="D48" s="3352" t="s">
        <v>38</v>
      </c>
      <c r="E48" s="3352" t="s">
        <v>38</v>
      </c>
      <c r="F48" s="3352" t="s">
        <v>38</v>
      </c>
      <c r="G48" s="3352" t="s">
        <v>38</v>
      </c>
      <c r="H48" s="3352" t="s">
        <v>38</v>
      </c>
      <c r="I48" s="3352" t="s">
        <v>38</v>
      </c>
      <c r="J48" s="3352" t="s">
        <v>38</v>
      </c>
      <c r="K48" s="3352" t="s">
        <v>38</v>
      </c>
      <c r="L48" s="3352" t="s">
        <v>38</v>
      </c>
      <c r="M48" s="3352" t="s">
        <v>38</v>
      </c>
      <c r="N48" s="3352" t="s">
        <v>38</v>
      </c>
    </row>
    <row r="49" spans="1:14" ht="12" customHeight="1" x14ac:dyDescent="0.25">
      <c r="A49" s="3334" t="s">
        <v>562</v>
      </c>
      <c r="B49" s="3335" t="s">
        <v>38</v>
      </c>
      <c r="C49" s="3335" t="s">
        <v>38</v>
      </c>
      <c r="D49" s="3335" t="s">
        <v>38</v>
      </c>
      <c r="E49" s="3335" t="s">
        <v>38</v>
      </c>
      <c r="F49" s="3335" t="s">
        <v>38</v>
      </c>
      <c r="G49" s="3335" t="s">
        <v>38</v>
      </c>
      <c r="H49" s="3335" t="s">
        <v>38</v>
      </c>
      <c r="I49" s="3335" t="s">
        <v>38</v>
      </c>
      <c r="J49" s="3335" t="s">
        <v>38</v>
      </c>
      <c r="K49" s="3335" t="s">
        <v>38</v>
      </c>
      <c r="L49" s="3335" t="s">
        <v>38</v>
      </c>
      <c r="M49" s="3335" t="s">
        <v>38</v>
      </c>
      <c r="N49" s="3335" t="s">
        <v>38</v>
      </c>
    </row>
    <row r="50" spans="1:14" ht="12" customHeight="1" x14ac:dyDescent="0.25">
      <c r="A50" s="3334" t="s">
        <v>563</v>
      </c>
      <c r="B50" s="3335" t="s">
        <v>38</v>
      </c>
      <c r="C50" s="3335" t="s">
        <v>38</v>
      </c>
      <c r="D50" s="3335" t="s">
        <v>38</v>
      </c>
      <c r="E50" s="3335" t="s">
        <v>38</v>
      </c>
      <c r="F50" s="3335" t="s">
        <v>38</v>
      </c>
      <c r="G50" s="3335" t="s">
        <v>38</v>
      </c>
      <c r="H50" s="3335" t="s">
        <v>38</v>
      </c>
      <c r="I50" s="3335" t="s">
        <v>38</v>
      </c>
      <c r="J50" s="3335" t="s">
        <v>38</v>
      </c>
      <c r="K50" s="3335" t="s">
        <v>38</v>
      </c>
      <c r="L50" s="3335" t="s">
        <v>38</v>
      </c>
      <c r="M50" s="3335" t="s">
        <v>38</v>
      </c>
      <c r="N50" s="3335" t="s">
        <v>38</v>
      </c>
    </row>
    <row r="51" spans="1:14" ht="12" customHeight="1" x14ac:dyDescent="0.25">
      <c r="A51" s="3334" t="s">
        <v>794</v>
      </c>
      <c r="B51" s="3335" t="s">
        <v>38</v>
      </c>
      <c r="C51" s="3335" t="s">
        <v>38</v>
      </c>
      <c r="D51" s="3335" t="s">
        <v>38</v>
      </c>
      <c r="E51" s="3335" t="s">
        <v>38</v>
      </c>
      <c r="F51" s="3335" t="s">
        <v>38</v>
      </c>
      <c r="G51" s="3335" t="s">
        <v>38</v>
      </c>
      <c r="H51" s="3335" t="s">
        <v>38</v>
      </c>
      <c r="I51" s="3335" t="s">
        <v>38</v>
      </c>
      <c r="J51" s="3335" t="s">
        <v>38</v>
      </c>
      <c r="K51" s="3335" t="s">
        <v>38</v>
      </c>
      <c r="L51" s="3335" t="s">
        <v>38</v>
      </c>
      <c r="M51" s="3335" t="s">
        <v>38</v>
      </c>
      <c r="N51" s="3335" t="s">
        <v>38</v>
      </c>
    </row>
    <row r="52" spans="1:14" ht="12" customHeight="1" x14ac:dyDescent="0.25">
      <c r="A52" s="3334" t="s">
        <v>795</v>
      </c>
      <c r="B52" s="3335" t="s">
        <v>38</v>
      </c>
      <c r="C52" s="3335" t="s">
        <v>38</v>
      </c>
      <c r="D52" s="3335" t="s">
        <v>38</v>
      </c>
      <c r="E52" s="3335" t="s">
        <v>38</v>
      </c>
      <c r="F52" s="3335" t="s">
        <v>38</v>
      </c>
      <c r="G52" s="3335" t="s">
        <v>38</v>
      </c>
      <c r="H52" s="3335" t="s">
        <v>38</v>
      </c>
      <c r="I52" s="3335" t="s">
        <v>38</v>
      </c>
      <c r="J52" s="3335" t="s">
        <v>38</v>
      </c>
      <c r="K52" s="3335" t="s">
        <v>38</v>
      </c>
      <c r="L52" s="3335" t="s">
        <v>38</v>
      </c>
      <c r="M52" s="3335" t="s">
        <v>38</v>
      </c>
      <c r="N52" s="3335" t="s">
        <v>38</v>
      </c>
    </row>
    <row r="53" spans="1:14" ht="12" customHeight="1" x14ac:dyDescent="0.25">
      <c r="A53" s="1514" t="s">
        <v>564</v>
      </c>
      <c r="B53" s="1515"/>
      <c r="C53" s="1515"/>
      <c r="D53" s="1515"/>
      <c r="E53" s="1515"/>
      <c r="F53" s="1515"/>
      <c r="G53" s="1515"/>
      <c r="H53" s="1515"/>
      <c r="I53" s="1515"/>
      <c r="J53" s="1515"/>
      <c r="K53" s="1515"/>
      <c r="L53" s="1515"/>
      <c r="M53" s="1515"/>
      <c r="N53" s="1515"/>
    </row>
  </sheetData>
  <mergeCells count="11">
    <mergeCell ref="A2:N2"/>
    <mergeCell ref="B3:C3"/>
    <mergeCell ref="D3:G3"/>
    <mergeCell ref="H3:J3"/>
    <mergeCell ref="K3:L3"/>
    <mergeCell ref="M3:N3"/>
    <mergeCell ref="A48:N48"/>
    <mergeCell ref="A49:N49"/>
    <mergeCell ref="A50:N50"/>
    <mergeCell ref="A51:N51"/>
    <mergeCell ref="A52:N52"/>
  </mergeCells>
  <hyperlinks>
    <hyperlink ref="A1" location="TDM!A1" display="Retour à la table des matières" xr:uid="{00000000-0004-0000-2300-000000000000}"/>
  </hyperlinks>
  <printOptions horizontalCentered="1"/>
  <pageMargins left="0.51181102362204722" right="0.51181102362204722" top="0.51181102362204722" bottom="0.51181102362204722" header="0.23622047244094491" footer="0.23622047244094491"/>
  <pageSetup scale="54" orientation="landscape" r:id="rId1"/>
  <headerFooter>
    <oddFooter>&amp;L&amp;G&amp;C&amp;"Scotia,Regular"&amp;9Informations financières supplémentaires (IFS)&amp;R&amp;"Scotia,Regular"&amp;9&amp;A</oddFooter>
  </headerFooter>
  <legacyDrawingHF r:id="rId2"/>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EF6DCB2-D828-4512-AA17-2090987EC521}">
  <sheetPr>
    <pageSetUpPr fitToPage="1"/>
  </sheetPr>
  <dimension ref="A1:N36"/>
  <sheetViews>
    <sheetView showGridLines="0" zoomScaleNormal="100" workbookViewId="0"/>
  </sheetViews>
  <sheetFormatPr defaultColWidth="8.7265625" defaultRowHeight="12.5" x14ac:dyDescent="0.25"/>
  <cols>
    <col min="1" max="1" width="70.81640625" style="25" customWidth="1"/>
    <col min="2" max="2" width="10.1796875" style="25" bestFit="1" customWidth="1"/>
    <col min="3" max="4" width="9.81640625" style="25" customWidth="1"/>
    <col min="5" max="6" width="10.1796875" style="25" customWidth="1"/>
    <col min="7" max="8" width="9.81640625" style="25" customWidth="1"/>
    <col min="9" max="9" width="9.54296875" style="25" customWidth="1"/>
    <col min="10" max="11" width="10.1796875" style="25" bestFit="1" customWidth="1"/>
    <col min="12" max="12" width="10.1796875" style="25" customWidth="1"/>
    <col min="13" max="13" width="10.26953125" style="25" customWidth="1"/>
    <col min="14" max="14" width="10.453125" style="25" customWidth="1"/>
    <col min="15" max="16384" width="8.7265625" style="25"/>
  </cols>
  <sheetData>
    <row r="1" spans="1:14" ht="20.149999999999999" customHeight="1" x14ac:dyDescent="0.25">
      <c r="A1" s="24" t="s">
        <v>37</v>
      </c>
    </row>
    <row r="2" spans="1:14" ht="25" customHeight="1" x14ac:dyDescent="0.25">
      <c r="A2" s="3354" t="s">
        <v>565</v>
      </c>
      <c r="B2" s="3354" t="s">
        <v>38</v>
      </c>
      <c r="C2" s="3354" t="s">
        <v>38</v>
      </c>
      <c r="D2" s="3354" t="s">
        <v>38</v>
      </c>
      <c r="E2" s="3354" t="s">
        <v>38</v>
      </c>
      <c r="F2" s="3354" t="s">
        <v>38</v>
      </c>
      <c r="G2" s="3354" t="s">
        <v>38</v>
      </c>
      <c r="H2" s="3354" t="s">
        <v>38</v>
      </c>
      <c r="I2" s="3354" t="s">
        <v>38</v>
      </c>
      <c r="J2" s="3354" t="s">
        <v>38</v>
      </c>
      <c r="K2" s="3354" t="s">
        <v>38</v>
      </c>
      <c r="L2" s="3354" t="s">
        <v>38</v>
      </c>
      <c r="M2" s="3354" t="s">
        <v>38</v>
      </c>
      <c r="N2" s="3354" t="s">
        <v>38</v>
      </c>
    </row>
    <row r="3" spans="1:14" ht="18.649999999999999" customHeight="1" x14ac:dyDescent="0.25">
      <c r="A3" s="1434"/>
      <c r="B3" s="3355" t="s">
        <v>179</v>
      </c>
      <c r="C3" s="3356" t="s">
        <v>38</v>
      </c>
      <c r="D3" s="3357">
        <v>2022</v>
      </c>
      <c r="E3" s="3355" t="s">
        <v>38</v>
      </c>
      <c r="F3" s="3355" t="s">
        <v>38</v>
      </c>
      <c r="G3" s="3358" t="s">
        <v>38</v>
      </c>
      <c r="H3" s="3359">
        <v>2021</v>
      </c>
      <c r="I3" s="3355" t="s">
        <v>38</v>
      </c>
      <c r="J3" s="3355" t="s">
        <v>38</v>
      </c>
      <c r="K3" s="3357" t="s">
        <v>716</v>
      </c>
      <c r="L3" s="3360" t="s">
        <v>38</v>
      </c>
      <c r="M3" s="3361" t="s">
        <v>717</v>
      </c>
      <c r="N3" s="3355" t="s">
        <v>38</v>
      </c>
    </row>
    <row r="4" spans="1:14" ht="18.649999999999999" customHeight="1" x14ac:dyDescent="0.25">
      <c r="A4" s="1435" t="s">
        <v>69</v>
      </c>
      <c r="B4" s="1436" t="s">
        <v>49</v>
      </c>
      <c r="C4" s="1437" t="s">
        <v>45</v>
      </c>
      <c r="D4" s="1438" t="s">
        <v>569</v>
      </c>
      <c r="E4" s="1439" t="s">
        <v>570</v>
      </c>
      <c r="F4" s="1439" t="s">
        <v>49</v>
      </c>
      <c r="G4" s="1440" t="s">
        <v>45</v>
      </c>
      <c r="H4" s="1441" t="s">
        <v>569</v>
      </c>
      <c r="I4" s="1439" t="s">
        <v>570</v>
      </c>
      <c r="J4" s="1439" t="s">
        <v>49</v>
      </c>
      <c r="K4" s="1438" t="s">
        <v>179</v>
      </c>
      <c r="L4" s="1442">
        <v>2022</v>
      </c>
      <c r="M4" s="1443">
        <v>2022</v>
      </c>
      <c r="N4" s="1444">
        <v>2021</v>
      </c>
    </row>
    <row r="5" spans="1:14" ht="18.649999999999999" customHeight="1" x14ac:dyDescent="0.25">
      <c r="A5" s="1445" t="s">
        <v>292</v>
      </c>
      <c r="B5" s="1446"/>
      <c r="C5" s="1447"/>
      <c r="D5" s="1448"/>
      <c r="E5" s="1449"/>
      <c r="F5" s="1449"/>
      <c r="G5" s="1447"/>
      <c r="H5" s="1450"/>
      <c r="I5" s="1451"/>
      <c r="J5" s="1451"/>
      <c r="K5" s="1452"/>
      <c r="L5" s="1453"/>
      <c r="M5" s="1450"/>
      <c r="N5" s="1451"/>
    </row>
    <row r="6" spans="1:14" ht="18.649999999999999" customHeight="1" x14ac:dyDescent="0.25">
      <c r="A6" s="1454" t="s">
        <v>676</v>
      </c>
      <c r="B6" s="1455">
        <v>207894.00694366047</v>
      </c>
      <c r="C6" s="1456">
        <v>195254</v>
      </c>
      <c r="D6" s="1457">
        <v>184701</v>
      </c>
      <c r="E6" s="1458">
        <v>178619</v>
      </c>
      <c r="F6" s="1458">
        <v>174608</v>
      </c>
      <c r="G6" s="1459">
        <v>164945</v>
      </c>
      <c r="H6" s="1457">
        <v>163759</v>
      </c>
      <c r="I6" s="1458">
        <v>163553</v>
      </c>
      <c r="J6" s="1458">
        <v>167714</v>
      </c>
      <c r="K6" s="1457">
        <v>201469.12017299206</v>
      </c>
      <c r="L6" s="1459">
        <v>169696.74682657619</v>
      </c>
      <c r="M6" s="1460">
        <v>175728</v>
      </c>
      <c r="N6" s="1461">
        <v>166569</v>
      </c>
    </row>
    <row r="7" spans="1:14" ht="18.649999999999999" customHeight="1" x14ac:dyDescent="0.25">
      <c r="A7" s="1462" t="s">
        <v>178</v>
      </c>
      <c r="B7" s="3047">
        <v>23208</v>
      </c>
      <c r="C7" s="3048">
        <v>19553</v>
      </c>
      <c r="D7" s="3049">
        <v>20075</v>
      </c>
      <c r="E7" s="3050">
        <v>19767</v>
      </c>
      <c r="F7" s="3050">
        <v>19023</v>
      </c>
      <c r="G7" s="3048">
        <v>15546</v>
      </c>
      <c r="H7" s="3051">
        <v>16961</v>
      </c>
      <c r="I7" s="3050">
        <v>16271</v>
      </c>
      <c r="J7" s="3050">
        <v>18507</v>
      </c>
      <c r="K7" s="3049">
        <v>21350</v>
      </c>
      <c r="L7" s="3052">
        <v>17257</v>
      </c>
      <c r="M7" s="3053">
        <v>18600</v>
      </c>
      <c r="N7" s="3050">
        <v>17946</v>
      </c>
    </row>
    <row r="8" spans="1:14" ht="18.649999999999999" customHeight="1" x14ac:dyDescent="0.25">
      <c r="A8" s="1462" t="s">
        <v>677</v>
      </c>
      <c r="B8" s="3054">
        <v>184686.22574115102</v>
      </c>
      <c r="C8" s="3055">
        <v>175701</v>
      </c>
      <c r="D8" s="3056">
        <v>164626</v>
      </c>
      <c r="E8" s="3057">
        <v>158852</v>
      </c>
      <c r="F8" s="3057">
        <v>155585</v>
      </c>
      <c r="G8" s="3055">
        <v>149399</v>
      </c>
      <c r="H8" s="1463">
        <v>146798</v>
      </c>
      <c r="I8" s="3057">
        <v>147282</v>
      </c>
      <c r="J8" s="3057">
        <v>149207</v>
      </c>
      <c r="K8" s="3056">
        <v>180119.31916952663</v>
      </c>
      <c r="L8" s="3058">
        <v>152440.44660109575</v>
      </c>
      <c r="M8" s="3059">
        <v>157128</v>
      </c>
      <c r="N8" s="3057">
        <v>148623</v>
      </c>
    </row>
    <row r="9" spans="1:14" ht="18.649999999999999" customHeight="1" x14ac:dyDescent="0.25">
      <c r="A9" s="1462" t="s">
        <v>177</v>
      </c>
      <c r="B9" s="3054"/>
      <c r="C9" s="3055"/>
      <c r="D9" s="3056"/>
      <c r="E9" s="3057"/>
      <c r="F9" s="3057"/>
      <c r="G9" s="3055"/>
      <c r="H9" s="1463"/>
      <c r="I9" s="3057"/>
      <c r="J9" s="3057"/>
      <c r="K9" s="3056"/>
      <c r="L9" s="3058"/>
      <c r="M9" s="3059"/>
      <c r="N9" s="3057"/>
    </row>
    <row r="10" spans="1:14" ht="18.649999999999999" customHeight="1" x14ac:dyDescent="0.25">
      <c r="A10" s="1464" t="s">
        <v>245</v>
      </c>
      <c r="B10" s="3054">
        <v>6042.5429143748306</v>
      </c>
      <c r="C10" s="3055">
        <v>5115</v>
      </c>
      <c r="D10" s="3056">
        <v>5354</v>
      </c>
      <c r="E10" s="3057">
        <v>4847</v>
      </c>
      <c r="F10" s="3057">
        <v>4376</v>
      </c>
      <c r="G10" s="3055">
        <v>5287</v>
      </c>
      <c r="H10" s="1463">
        <v>5453</v>
      </c>
      <c r="I10" s="3057">
        <v>6007</v>
      </c>
      <c r="J10" s="3057">
        <v>6146</v>
      </c>
      <c r="K10" s="3056">
        <v>5571.2598663253029</v>
      </c>
      <c r="L10" s="3058">
        <v>4913.6004229441987</v>
      </c>
      <c r="M10" s="3059">
        <v>4971</v>
      </c>
      <c r="N10" s="3057">
        <v>5812</v>
      </c>
    </row>
    <row r="11" spans="1:14" ht="18.649999999999999" customHeight="1" x14ac:dyDescent="0.25">
      <c r="A11" s="1464" t="s">
        <v>342</v>
      </c>
      <c r="B11" s="3054">
        <v>2750.6974496392131</v>
      </c>
      <c r="C11" s="3055">
        <v>2923</v>
      </c>
      <c r="D11" s="3056">
        <v>2353</v>
      </c>
      <c r="E11" s="3057">
        <v>2175</v>
      </c>
      <c r="F11" s="3057">
        <v>145</v>
      </c>
      <c r="G11" s="3055">
        <v>200</v>
      </c>
      <c r="H11" s="1463">
        <v>0</v>
      </c>
      <c r="I11" s="3057">
        <v>0</v>
      </c>
      <c r="J11" s="3057">
        <v>0</v>
      </c>
      <c r="K11" s="3056">
        <v>2838.4125438280657</v>
      </c>
      <c r="L11" s="3058">
        <v>2252.6134696176246</v>
      </c>
      <c r="M11" s="3059">
        <v>1227</v>
      </c>
      <c r="N11" s="3057">
        <v>0</v>
      </c>
    </row>
    <row r="12" spans="1:14" ht="18.649999999999999" customHeight="1" x14ac:dyDescent="0.25">
      <c r="A12" s="1464" t="s">
        <v>176</v>
      </c>
      <c r="B12" s="3054">
        <v>2830</v>
      </c>
      <c r="C12" s="3055">
        <v>2894</v>
      </c>
      <c r="D12" s="3056">
        <v>2380</v>
      </c>
      <c r="E12" s="3057">
        <v>1884</v>
      </c>
      <c r="F12" s="3057">
        <v>2118</v>
      </c>
      <c r="G12" s="3055">
        <v>2121</v>
      </c>
      <c r="H12" s="1463">
        <v>2009</v>
      </c>
      <c r="I12" s="3057">
        <v>2544</v>
      </c>
      <c r="J12" s="3057">
        <v>2456</v>
      </c>
      <c r="K12" s="3056">
        <v>2863</v>
      </c>
      <c r="L12" s="3058">
        <v>-36</v>
      </c>
      <c r="M12" s="3059">
        <v>2125</v>
      </c>
      <c r="N12" s="3057">
        <v>2265</v>
      </c>
    </row>
    <row r="13" spans="1:14" ht="18.649999999999999" customHeight="1" x14ac:dyDescent="0.25">
      <c r="A13" s="1465" t="s">
        <v>678</v>
      </c>
      <c r="B13" s="3054">
        <v>173061.65477369574</v>
      </c>
      <c r="C13" s="3055">
        <v>164769</v>
      </c>
      <c r="D13" s="3060">
        <v>154539</v>
      </c>
      <c r="E13" s="3057">
        <v>149946</v>
      </c>
      <c r="F13" s="3057">
        <v>148946</v>
      </c>
      <c r="G13" s="3055">
        <v>141791</v>
      </c>
      <c r="H13" s="1466">
        <v>139336</v>
      </c>
      <c r="I13" s="3057">
        <v>138731</v>
      </c>
      <c r="J13" s="3057">
        <v>140605</v>
      </c>
      <c r="K13" s="3056">
        <v>168846.70868027609</v>
      </c>
      <c r="L13" s="3058">
        <v>145309.44175746525</v>
      </c>
      <c r="M13" s="3061">
        <v>148805</v>
      </c>
      <c r="N13" s="3057">
        <v>140546</v>
      </c>
    </row>
    <row r="14" spans="1:14" ht="18.649999999999999" customHeight="1" x14ac:dyDescent="0.25">
      <c r="A14" s="1465" t="s">
        <v>70</v>
      </c>
      <c r="B14" s="3054">
        <v>1576.2957168399996</v>
      </c>
      <c r="C14" s="3055">
        <v>1487</v>
      </c>
      <c r="D14" s="3056">
        <v>1405</v>
      </c>
      <c r="E14" s="3057">
        <v>1402</v>
      </c>
      <c r="F14" s="3057">
        <v>1365</v>
      </c>
      <c r="G14" s="3055">
        <v>1328</v>
      </c>
      <c r="H14" s="1463">
        <v>1278</v>
      </c>
      <c r="I14" s="3057">
        <v>1267</v>
      </c>
      <c r="J14" s="3057">
        <v>1329</v>
      </c>
      <c r="K14" s="3056">
        <v>3063.6079480799999</v>
      </c>
      <c r="L14" s="3058">
        <v>2692.1809042599998</v>
      </c>
      <c r="M14" s="3059">
        <v>5500</v>
      </c>
      <c r="N14" s="3057">
        <v>5303</v>
      </c>
    </row>
    <row r="15" spans="1:14" ht="18.649999999999999" customHeight="1" x14ac:dyDescent="0.25">
      <c r="A15" s="1462" t="s">
        <v>177</v>
      </c>
      <c r="B15" s="3054"/>
      <c r="C15" s="3055"/>
      <c r="D15" s="3056"/>
      <c r="E15" s="3057"/>
      <c r="F15" s="3057"/>
      <c r="G15" s="3055"/>
      <c r="H15" s="1463"/>
      <c r="I15" s="3057"/>
      <c r="J15" s="3057"/>
      <c r="K15" s="3056"/>
      <c r="L15" s="3058"/>
      <c r="M15" s="3059"/>
      <c r="N15" s="3057"/>
    </row>
    <row r="16" spans="1:14" ht="18.649999999999999" customHeight="1" x14ac:dyDescent="0.25">
      <c r="A16" s="1464" t="s">
        <v>337</v>
      </c>
      <c r="B16" s="3054">
        <v>-27.781919616837353</v>
      </c>
      <c r="C16" s="3055">
        <v>-54</v>
      </c>
      <c r="D16" s="3056">
        <v>-73</v>
      </c>
      <c r="E16" s="3057">
        <v>-1</v>
      </c>
      <c r="F16" s="3057">
        <v>-4</v>
      </c>
      <c r="G16" s="3055">
        <v>12</v>
      </c>
      <c r="H16" s="1463">
        <v>15</v>
      </c>
      <c r="I16" s="3057">
        <v>12</v>
      </c>
      <c r="J16" s="3057">
        <v>14</v>
      </c>
      <c r="K16" s="3056">
        <v>-81.832555245153003</v>
      </c>
      <c r="L16" s="3058">
        <v>7.872056762497861</v>
      </c>
      <c r="M16" s="3059">
        <v>-66</v>
      </c>
      <c r="N16" s="3057">
        <v>50</v>
      </c>
    </row>
    <row r="17" spans="1:14" ht="18.649999999999999" customHeight="1" x14ac:dyDescent="0.25">
      <c r="A17" s="1465" t="s">
        <v>876</v>
      </c>
      <c r="B17" s="3054">
        <v>1604</v>
      </c>
      <c r="C17" s="3055">
        <v>1541</v>
      </c>
      <c r="D17" s="3056">
        <v>1478</v>
      </c>
      <c r="E17" s="3057">
        <v>1403</v>
      </c>
      <c r="F17" s="3057">
        <v>1369</v>
      </c>
      <c r="G17" s="3055">
        <v>1316</v>
      </c>
      <c r="H17" s="1463">
        <v>1263</v>
      </c>
      <c r="I17" s="3057">
        <v>1255</v>
      </c>
      <c r="J17" s="3057">
        <v>1315</v>
      </c>
      <c r="K17" s="3056">
        <v>3146</v>
      </c>
      <c r="L17" s="3058">
        <v>2684</v>
      </c>
      <c r="M17" s="3059">
        <v>5566</v>
      </c>
      <c r="N17" s="3057">
        <v>5253</v>
      </c>
    </row>
    <row r="18" spans="1:14" ht="18.649999999999999" customHeight="1" x14ac:dyDescent="0.25">
      <c r="A18" s="1465" t="s">
        <v>679</v>
      </c>
      <c r="B18" s="3062">
        <v>3.8012583737850103</v>
      </c>
      <c r="C18" s="3063">
        <v>3.71</v>
      </c>
      <c r="D18" s="3064">
        <v>3.79</v>
      </c>
      <c r="E18" s="3065">
        <v>3.71</v>
      </c>
      <c r="F18" s="3065">
        <v>3.77</v>
      </c>
      <c r="G18" s="3063">
        <v>3.68</v>
      </c>
      <c r="H18" s="1467">
        <v>3.6</v>
      </c>
      <c r="I18" s="3065">
        <v>3.59</v>
      </c>
      <c r="J18" s="3065">
        <v>3.83</v>
      </c>
      <c r="K18" s="3064">
        <v>3.7566710238009859</v>
      </c>
      <c r="L18" s="3066">
        <v>3.7252286819011928</v>
      </c>
      <c r="M18" s="3067">
        <v>3.74</v>
      </c>
      <c r="N18" s="3065">
        <v>3.74</v>
      </c>
    </row>
    <row r="19" spans="1:14" ht="18.649999999999999" customHeight="1" x14ac:dyDescent="0.25">
      <c r="A19" s="1468"/>
      <c r="B19" s="1469"/>
      <c r="C19" s="1470"/>
      <c r="D19" s="1471"/>
      <c r="E19" s="1472"/>
      <c r="F19" s="1472"/>
      <c r="G19" s="1470"/>
      <c r="H19" s="1471"/>
      <c r="I19" s="1472"/>
      <c r="J19" s="1472"/>
      <c r="K19" s="1471"/>
      <c r="L19" s="1470"/>
      <c r="M19" s="1471"/>
      <c r="N19" s="1472"/>
    </row>
    <row r="20" spans="1:14" ht="18.649999999999999" customHeight="1" x14ac:dyDescent="0.25">
      <c r="A20" s="1473" t="s">
        <v>522</v>
      </c>
      <c r="B20" s="3068"/>
      <c r="C20" s="3069"/>
      <c r="D20" s="3070"/>
      <c r="E20" s="3071"/>
      <c r="F20" s="3071"/>
      <c r="G20" s="3069"/>
      <c r="H20" s="1474"/>
      <c r="I20" s="3072"/>
      <c r="J20" s="3072"/>
      <c r="K20" s="3073"/>
      <c r="L20" s="3074"/>
      <c r="M20" s="3075"/>
      <c r="N20" s="3072"/>
    </row>
    <row r="21" spans="1:14" ht="18.649999999999999" customHeight="1" x14ac:dyDescent="0.25">
      <c r="A21" s="1454" t="s">
        <v>676</v>
      </c>
      <c r="B21" s="1455">
        <v>35371.518269679436</v>
      </c>
      <c r="C21" s="1456">
        <v>35124</v>
      </c>
      <c r="D21" s="1457">
        <v>34522</v>
      </c>
      <c r="E21" s="1458">
        <v>33219</v>
      </c>
      <c r="F21" s="1458">
        <v>32409</v>
      </c>
      <c r="G21" s="1459">
        <v>32177</v>
      </c>
      <c r="H21" s="1457">
        <v>31378</v>
      </c>
      <c r="I21" s="1458">
        <v>30869</v>
      </c>
      <c r="J21" s="1458">
        <v>32093</v>
      </c>
      <c r="K21" s="1457">
        <v>35245.604402769946</v>
      </c>
      <c r="L21" s="1459">
        <v>32290.846935505411</v>
      </c>
      <c r="M21" s="1457">
        <v>33087</v>
      </c>
      <c r="N21" s="1458">
        <v>31923</v>
      </c>
    </row>
    <row r="22" spans="1:14" ht="18.649999999999999" customHeight="1" x14ac:dyDescent="0.25">
      <c r="A22" s="1462" t="s">
        <v>178</v>
      </c>
      <c r="B22" s="3047">
        <v>2547</v>
      </c>
      <c r="C22" s="3048">
        <v>2662</v>
      </c>
      <c r="D22" s="3056">
        <v>2611</v>
      </c>
      <c r="E22" s="3057">
        <v>2656</v>
      </c>
      <c r="F22" s="3057">
        <v>2718</v>
      </c>
      <c r="G22" s="3055">
        <v>2720</v>
      </c>
      <c r="H22" s="1463">
        <v>2744</v>
      </c>
      <c r="I22" s="3057">
        <v>2759</v>
      </c>
      <c r="J22" s="3057">
        <v>2851</v>
      </c>
      <c r="K22" s="3056">
        <v>2606</v>
      </c>
      <c r="L22" s="3058">
        <v>2719</v>
      </c>
      <c r="M22" s="3059">
        <v>2676</v>
      </c>
      <c r="N22" s="3057">
        <v>2819</v>
      </c>
    </row>
    <row r="23" spans="1:14" ht="18.649999999999999" customHeight="1" x14ac:dyDescent="0.25">
      <c r="A23" s="1462" t="s">
        <v>677</v>
      </c>
      <c r="B23" s="3054">
        <v>32825.217914864494</v>
      </c>
      <c r="C23" s="3055">
        <v>32462</v>
      </c>
      <c r="D23" s="3056">
        <v>31911</v>
      </c>
      <c r="E23" s="3057">
        <v>30563</v>
      </c>
      <c r="F23" s="3057">
        <v>29691</v>
      </c>
      <c r="G23" s="3055">
        <v>29457</v>
      </c>
      <c r="H23" s="1463">
        <v>28634</v>
      </c>
      <c r="I23" s="3057">
        <v>28110</v>
      </c>
      <c r="J23" s="3057">
        <v>29242</v>
      </c>
      <c r="K23" s="3056">
        <v>32640.452204939003</v>
      </c>
      <c r="L23" s="3058">
        <v>29571.668557770106</v>
      </c>
      <c r="M23" s="3059">
        <v>30411</v>
      </c>
      <c r="N23" s="3057">
        <v>29104</v>
      </c>
    </row>
    <row r="24" spans="1:14" ht="18.649999999999999" customHeight="1" x14ac:dyDescent="0.25">
      <c r="A24" s="1464" t="s">
        <v>245</v>
      </c>
      <c r="B24" s="3054">
        <v>16.012888561235954</v>
      </c>
      <c r="C24" s="3055">
        <v>16</v>
      </c>
      <c r="D24" s="3056">
        <v>14</v>
      </c>
      <c r="E24" s="3057">
        <v>12</v>
      </c>
      <c r="F24" s="3057">
        <v>0</v>
      </c>
      <c r="G24" s="3055">
        <v>0</v>
      </c>
      <c r="H24" s="1463">
        <v>0</v>
      </c>
      <c r="I24" s="3057">
        <v>0</v>
      </c>
      <c r="J24" s="3057">
        <v>0</v>
      </c>
      <c r="K24" s="3056">
        <v>16.215264947348064</v>
      </c>
      <c r="L24" s="3058">
        <v>10.579171525414367</v>
      </c>
      <c r="M24" s="3059">
        <v>7</v>
      </c>
      <c r="N24" s="3057">
        <v>0</v>
      </c>
    </row>
    <row r="25" spans="1:14" ht="18.649999999999999" customHeight="1" x14ac:dyDescent="0.25">
      <c r="A25" s="1464" t="s">
        <v>342</v>
      </c>
      <c r="B25" s="3054">
        <v>117.14930875011235</v>
      </c>
      <c r="C25" s="3055">
        <v>109</v>
      </c>
      <c r="D25" s="3056">
        <v>81</v>
      </c>
      <c r="E25" s="3057">
        <v>70</v>
      </c>
      <c r="F25" s="3057">
        <v>0</v>
      </c>
      <c r="G25" s="3055">
        <v>0</v>
      </c>
      <c r="H25" s="1463">
        <v>0</v>
      </c>
      <c r="I25" s="3057">
        <v>0</v>
      </c>
      <c r="J25" s="3057">
        <v>0</v>
      </c>
      <c r="K25" s="3056">
        <v>113.22535802325967</v>
      </c>
      <c r="L25" s="3058">
        <v>75.926697138895022</v>
      </c>
      <c r="M25" s="3059">
        <v>38</v>
      </c>
      <c r="N25" s="3057">
        <v>0</v>
      </c>
    </row>
    <row r="26" spans="1:14" ht="18.649999999999999" customHeight="1" x14ac:dyDescent="0.25">
      <c r="A26" s="1464" t="s">
        <v>176</v>
      </c>
      <c r="B26" s="3054">
        <v>3267</v>
      </c>
      <c r="C26" s="3055">
        <v>3566</v>
      </c>
      <c r="D26" s="3056">
        <v>3550</v>
      </c>
      <c r="E26" s="3057">
        <v>3534</v>
      </c>
      <c r="F26" s="3057">
        <v>3369</v>
      </c>
      <c r="G26" s="3055">
        <v>3394</v>
      </c>
      <c r="H26" s="1463">
        <v>2933</v>
      </c>
      <c r="I26" s="3057">
        <v>2957</v>
      </c>
      <c r="J26" s="3057">
        <v>3176</v>
      </c>
      <c r="K26" s="3056">
        <v>3418</v>
      </c>
      <c r="L26" s="3058">
        <v>3295</v>
      </c>
      <c r="M26" s="3059">
        <v>3462</v>
      </c>
      <c r="N26" s="3057">
        <v>3149</v>
      </c>
    </row>
    <row r="27" spans="1:14" ht="18.649999999999999" customHeight="1" x14ac:dyDescent="0.25">
      <c r="A27" s="1465" t="s">
        <v>678</v>
      </c>
      <c r="B27" s="3054">
        <v>29425.120769158424</v>
      </c>
      <c r="C27" s="3055">
        <v>28771</v>
      </c>
      <c r="D27" s="3056">
        <v>28266</v>
      </c>
      <c r="E27" s="3057">
        <v>26947</v>
      </c>
      <c r="F27" s="3057">
        <v>26322</v>
      </c>
      <c r="G27" s="3055">
        <v>26063</v>
      </c>
      <c r="H27" s="1463">
        <v>25701</v>
      </c>
      <c r="I27" s="3057">
        <v>25153</v>
      </c>
      <c r="J27" s="3057">
        <v>26066</v>
      </c>
      <c r="K27" s="3056">
        <v>29092.630668586131</v>
      </c>
      <c r="L27" s="3058">
        <v>26190.175568814746</v>
      </c>
      <c r="M27" s="3059">
        <v>26904</v>
      </c>
      <c r="N27" s="3057">
        <v>25955</v>
      </c>
    </row>
    <row r="28" spans="1:14" ht="18.649999999999999" customHeight="1" x14ac:dyDescent="0.25">
      <c r="A28" s="1465" t="s">
        <v>70</v>
      </c>
      <c r="B28" s="3054">
        <v>430.24571377000001</v>
      </c>
      <c r="C28" s="3055">
        <v>412</v>
      </c>
      <c r="D28" s="3056">
        <v>401</v>
      </c>
      <c r="E28" s="3057">
        <v>357</v>
      </c>
      <c r="F28" s="3057">
        <v>322</v>
      </c>
      <c r="G28" s="3055">
        <v>321</v>
      </c>
      <c r="H28" s="1463">
        <v>310</v>
      </c>
      <c r="I28" s="3057">
        <v>318</v>
      </c>
      <c r="J28" s="3057">
        <v>333</v>
      </c>
      <c r="K28" s="3056">
        <v>842.25510931999997</v>
      </c>
      <c r="L28" s="3058">
        <v>642.52865821</v>
      </c>
      <c r="M28" s="3059">
        <v>1401</v>
      </c>
      <c r="N28" s="3057">
        <v>1321</v>
      </c>
    </row>
    <row r="29" spans="1:14" ht="18.649999999999999" customHeight="1" x14ac:dyDescent="0.25">
      <c r="A29" s="1462" t="s">
        <v>177</v>
      </c>
      <c r="B29" s="3054"/>
      <c r="C29" s="3055"/>
      <c r="D29" s="3056"/>
      <c r="E29" s="3057"/>
      <c r="F29" s="3057"/>
      <c r="G29" s="3055"/>
      <c r="H29" s="1463"/>
      <c r="I29" s="3057"/>
      <c r="J29" s="3057"/>
      <c r="K29" s="3056"/>
      <c r="L29" s="3058"/>
      <c r="M29" s="3059"/>
      <c r="N29" s="3057"/>
    </row>
    <row r="30" spans="1:14" ht="18.649999999999999" customHeight="1" x14ac:dyDescent="0.25">
      <c r="A30" s="1464" t="s">
        <v>337</v>
      </c>
      <c r="B30" s="3054">
        <v>0</v>
      </c>
      <c r="C30" s="3055">
        <v>0</v>
      </c>
      <c r="D30" s="3056">
        <v>0</v>
      </c>
      <c r="E30" s="3057">
        <v>0</v>
      </c>
      <c r="F30" s="3057">
        <v>0</v>
      </c>
      <c r="G30" s="3055">
        <v>0</v>
      </c>
      <c r="H30" s="1463">
        <v>0</v>
      </c>
      <c r="I30" s="3057">
        <v>0</v>
      </c>
      <c r="J30" s="3057">
        <v>0</v>
      </c>
      <c r="K30" s="3056">
        <v>0</v>
      </c>
      <c r="L30" s="3058">
        <v>0</v>
      </c>
      <c r="M30" s="3059">
        <v>0</v>
      </c>
      <c r="N30" s="3057">
        <v>0</v>
      </c>
    </row>
    <row r="31" spans="1:14" ht="18.649999999999999" customHeight="1" x14ac:dyDescent="0.25">
      <c r="A31" s="1465" t="s">
        <v>876</v>
      </c>
      <c r="B31" s="3054">
        <v>430</v>
      </c>
      <c r="C31" s="3055">
        <v>412</v>
      </c>
      <c r="D31" s="3056">
        <v>401</v>
      </c>
      <c r="E31" s="3057">
        <v>357</v>
      </c>
      <c r="F31" s="3057">
        <v>322</v>
      </c>
      <c r="G31" s="3055">
        <v>321</v>
      </c>
      <c r="H31" s="1463">
        <v>310</v>
      </c>
      <c r="I31" s="3057">
        <v>318</v>
      </c>
      <c r="J31" s="3057">
        <v>333</v>
      </c>
      <c r="K31" s="3056">
        <v>842</v>
      </c>
      <c r="L31" s="3058">
        <v>643</v>
      </c>
      <c r="M31" s="3059">
        <v>1401</v>
      </c>
      <c r="N31" s="3057">
        <v>1321</v>
      </c>
    </row>
    <row r="32" spans="1:14" ht="18.649999999999999" customHeight="1" x14ac:dyDescent="0.25">
      <c r="A32" s="1475" t="s">
        <v>680</v>
      </c>
      <c r="B32" s="3076">
        <v>5.9965020477645448</v>
      </c>
      <c r="C32" s="3077">
        <v>5.68</v>
      </c>
      <c r="D32" s="3078">
        <v>5.63</v>
      </c>
      <c r="E32" s="3079">
        <v>5.25</v>
      </c>
      <c r="F32" s="3079">
        <v>5.0199999999999996</v>
      </c>
      <c r="G32" s="3080">
        <v>4.88</v>
      </c>
      <c r="H32" s="3081">
        <v>4.79</v>
      </c>
      <c r="I32" s="3079">
        <v>5.0199999999999996</v>
      </c>
      <c r="J32" s="3079">
        <v>5.24</v>
      </c>
      <c r="K32" s="3078">
        <v>5.8375185479125822</v>
      </c>
      <c r="L32" s="3082">
        <v>4.9473015531499627</v>
      </c>
      <c r="M32" s="3083">
        <v>5.21</v>
      </c>
      <c r="N32" s="3079">
        <v>5.09</v>
      </c>
    </row>
    <row r="33" spans="1:14" ht="18.649999999999999" customHeight="1" x14ac:dyDescent="0.35">
      <c r="A33" s="1476"/>
      <c r="B33" s="1476"/>
      <c r="C33" s="1476"/>
      <c r="D33" s="1476"/>
      <c r="E33" s="1476"/>
      <c r="F33" s="1476"/>
      <c r="G33" s="1476"/>
      <c r="H33" s="1476"/>
      <c r="I33" s="1476"/>
      <c r="J33" s="1476"/>
      <c r="K33" s="1476"/>
      <c r="L33" s="1476"/>
      <c r="M33" s="1476"/>
      <c r="N33" s="1476"/>
    </row>
    <row r="34" spans="1:14" ht="12" customHeight="1" x14ac:dyDescent="0.25">
      <c r="A34" s="1514" t="s">
        <v>566</v>
      </c>
      <c r="B34" s="1514"/>
      <c r="C34" s="1515"/>
      <c r="D34" s="1515"/>
      <c r="E34" s="1515"/>
      <c r="F34" s="1515"/>
      <c r="G34" s="1515"/>
      <c r="H34" s="1515"/>
      <c r="I34" s="1515"/>
      <c r="J34" s="1515"/>
      <c r="K34" s="1515"/>
      <c r="L34" s="1515"/>
      <c r="M34" s="1515"/>
      <c r="N34" s="1515"/>
    </row>
    <row r="35" spans="1:14" ht="12" customHeight="1" x14ac:dyDescent="0.25">
      <c r="A35" s="1514" t="s">
        <v>877</v>
      </c>
      <c r="B35" s="1514"/>
      <c r="C35" s="1515"/>
      <c r="D35" s="1515"/>
      <c r="E35" s="1515"/>
      <c r="F35" s="1515"/>
      <c r="G35" s="1515"/>
      <c r="H35" s="1515"/>
      <c r="I35" s="1515"/>
      <c r="J35" s="1515"/>
      <c r="K35" s="1515"/>
      <c r="L35" s="1515"/>
      <c r="M35" s="1515"/>
      <c r="N35" s="1515"/>
    </row>
    <row r="36" spans="1:14" ht="18.649999999999999" customHeight="1" x14ac:dyDescent="0.25"/>
  </sheetData>
  <mergeCells count="6">
    <mergeCell ref="A2:N2"/>
    <mergeCell ref="B3:C3"/>
    <mergeCell ref="D3:G3"/>
    <mergeCell ref="H3:J3"/>
    <mergeCell ref="K3:L3"/>
    <mergeCell ref="M3:N3"/>
  </mergeCells>
  <hyperlinks>
    <hyperlink ref="A1" location="TDM!A1" display="Retour à la table des matières" xr:uid="{00000000-0004-0000-2400-000000000000}"/>
  </hyperlinks>
  <printOptions horizontalCentered="1"/>
  <pageMargins left="0.51181102362204722" right="0.51181102362204722" top="0.51181102362204722" bottom="0.51181102362204722" header="0.23622047244094491" footer="0.23622047244094491"/>
  <pageSetup scale="63" orientation="landscape" r:id="rId1"/>
  <headerFooter>
    <oddFooter>&amp;L&amp;G&amp;C&amp;"Scotia,Regular"&amp;9Informations financières supplémentaires (IFS)&amp;R&amp;"Scotia,Regular"&amp;9&amp;A</oddFooter>
  </headerFooter>
  <legacyDrawingHF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64FADA-9CA5-49B9-BEED-24DABC87A796}">
  <sheetPr>
    <pageSetUpPr fitToPage="1"/>
  </sheetPr>
  <dimension ref="A1:N33"/>
  <sheetViews>
    <sheetView showGridLines="0" zoomScaleNormal="100" workbookViewId="0"/>
  </sheetViews>
  <sheetFormatPr defaultColWidth="8.7265625" defaultRowHeight="12.5" x14ac:dyDescent="0.25"/>
  <cols>
    <col min="1" max="1" width="86.7265625" style="25" customWidth="1"/>
    <col min="2" max="14" width="7.26953125" style="25" customWidth="1"/>
    <col min="15" max="16384" width="8.7265625" style="25"/>
  </cols>
  <sheetData>
    <row r="1" spans="1:14" ht="20.149999999999999" customHeight="1" x14ac:dyDescent="0.25">
      <c r="A1" s="24" t="s">
        <v>567</v>
      </c>
    </row>
    <row r="2" spans="1:14" ht="25.5" customHeight="1" x14ac:dyDescent="0.25">
      <c r="A2" s="3102" t="s">
        <v>568</v>
      </c>
      <c r="B2" s="3102" t="s">
        <v>38</v>
      </c>
      <c r="C2" s="3102" t="s">
        <v>38</v>
      </c>
      <c r="D2" s="3102" t="s">
        <v>38</v>
      </c>
      <c r="E2" s="3102" t="s">
        <v>38</v>
      </c>
      <c r="F2" s="3102" t="s">
        <v>38</v>
      </c>
      <c r="G2" s="3102" t="s">
        <v>38</v>
      </c>
      <c r="H2" s="3102" t="s">
        <v>38</v>
      </c>
      <c r="I2" s="3102" t="s">
        <v>38</v>
      </c>
      <c r="J2" s="3102" t="s">
        <v>38</v>
      </c>
      <c r="K2" s="3102" t="s">
        <v>38</v>
      </c>
      <c r="L2" s="3102" t="s">
        <v>38</v>
      </c>
      <c r="M2" s="3102" t="s">
        <v>38</v>
      </c>
      <c r="N2" s="3102" t="s">
        <v>38</v>
      </c>
    </row>
    <row r="3" spans="1:14" ht="30" customHeight="1" x14ac:dyDescent="0.25">
      <c r="A3" s="3105" t="s">
        <v>710</v>
      </c>
      <c r="B3" s="3105" t="s">
        <v>38</v>
      </c>
      <c r="C3" s="3105" t="s">
        <v>38</v>
      </c>
      <c r="D3" s="3105" t="s">
        <v>38</v>
      </c>
      <c r="E3" s="3105" t="s">
        <v>38</v>
      </c>
      <c r="F3" s="3105" t="s">
        <v>38</v>
      </c>
      <c r="G3" s="3105" t="s">
        <v>38</v>
      </c>
      <c r="H3" s="3105" t="s">
        <v>38</v>
      </c>
      <c r="I3" s="3105" t="s">
        <v>38</v>
      </c>
      <c r="J3" s="3105" t="s">
        <v>38</v>
      </c>
      <c r="K3" s="3105" t="s">
        <v>38</v>
      </c>
      <c r="L3" s="3105" t="s">
        <v>38</v>
      </c>
      <c r="M3" s="3105" t="s">
        <v>38</v>
      </c>
      <c r="N3" s="3105" t="s">
        <v>38</v>
      </c>
    </row>
    <row r="4" spans="1:14" ht="13" customHeight="1" x14ac:dyDescent="0.25">
      <c r="A4" s="3106" t="s">
        <v>685</v>
      </c>
      <c r="B4" s="3106" t="s">
        <v>38</v>
      </c>
      <c r="C4" s="3106" t="s">
        <v>38</v>
      </c>
      <c r="D4" s="3106" t="s">
        <v>38</v>
      </c>
      <c r="E4" s="3106" t="s">
        <v>38</v>
      </c>
      <c r="F4" s="3106" t="s">
        <v>38</v>
      </c>
      <c r="G4" s="3106" t="s">
        <v>38</v>
      </c>
      <c r="H4" s="3106" t="s">
        <v>38</v>
      </c>
      <c r="I4" s="3106" t="s">
        <v>38</v>
      </c>
      <c r="J4" s="3106" t="s">
        <v>38</v>
      </c>
      <c r="K4" s="3106" t="s">
        <v>38</v>
      </c>
      <c r="L4" s="3106" t="s">
        <v>38</v>
      </c>
      <c r="M4" s="3106" t="s">
        <v>38</v>
      </c>
      <c r="N4" s="3106" t="s">
        <v>38</v>
      </c>
    </row>
    <row r="5" spans="1:14" ht="15.75" customHeight="1" x14ac:dyDescent="0.25">
      <c r="A5" s="26" t="s">
        <v>46</v>
      </c>
      <c r="B5" s="3107" t="s">
        <v>47</v>
      </c>
      <c r="C5" s="3108" t="s">
        <v>38</v>
      </c>
      <c r="D5" s="3109">
        <v>2022</v>
      </c>
      <c r="E5" s="3110" t="s">
        <v>38</v>
      </c>
      <c r="F5" s="3110" t="s">
        <v>38</v>
      </c>
      <c r="G5" s="3111" t="s">
        <v>38</v>
      </c>
      <c r="H5" s="3109">
        <v>2021</v>
      </c>
      <c r="I5" s="3110" t="s">
        <v>38</v>
      </c>
      <c r="J5" s="3110" t="s">
        <v>38</v>
      </c>
      <c r="K5" s="3112" t="s">
        <v>716</v>
      </c>
      <c r="L5" s="3113" t="s">
        <v>38</v>
      </c>
      <c r="M5" s="3110" t="s">
        <v>717</v>
      </c>
      <c r="N5" s="3110" t="s">
        <v>38</v>
      </c>
    </row>
    <row r="6" spans="1:14" ht="13" customHeight="1" x14ac:dyDescent="0.25">
      <c r="A6" s="27" t="s">
        <v>48</v>
      </c>
      <c r="B6" s="28" t="s">
        <v>49</v>
      </c>
      <c r="C6" s="29" t="s">
        <v>45</v>
      </c>
      <c r="D6" s="30" t="s">
        <v>569</v>
      </c>
      <c r="E6" s="31" t="s">
        <v>570</v>
      </c>
      <c r="F6" s="31" t="s">
        <v>49</v>
      </c>
      <c r="G6" s="29" t="s">
        <v>45</v>
      </c>
      <c r="H6" s="30" t="s">
        <v>569</v>
      </c>
      <c r="I6" s="31" t="s">
        <v>570</v>
      </c>
      <c r="J6" s="31" t="s">
        <v>49</v>
      </c>
      <c r="K6" s="30">
        <v>2023</v>
      </c>
      <c r="L6" s="32">
        <v>2022</v>
      </c>
      <c r="M6" s="31">
        <v>2022</v>
      </c>
      <c r="N6" s="31">
        <v>2021</v>
      </c>
    </row>
    <row r="7" spans="1:14" ht="13" customHeight="1" x14ac:dyDescent="0.25">
      <c r="A7" s="33" t="s">
        <v>50</v>
      </c>
      <c r="B7" s="34"/>
      <c r="C7" s="35"/>
      <c r="D7" s="36"/>
      <c r="E7" s="37"/>
      <c r="F7" s="34"/>
      <c r="G7" s="35"/>
      <c r="H7" s="36"/>
      <c r="I7" s="37"/>
      <c r="J7" s="34"/>
      <c r="K7" s="36"/>
      <c r="L7" s="38"/>
      <c r="M7" s="37"/>
      <c r="N7" s="37"/>
    </row>
    <row r="8" spans="1:14" ht="13" customHeight="1" x14ac:dyDescent="0.25">
      <c r="A8" s="39" t="s">
        <v>589</v>
      </c>
      <c r="B8" s="1517">
        <v>21</v>
      </c>
      <c r="C8" s="1518">
        <v>21</v>
      </c>
      <c r="D8" s="1519">
        <v>24</v>
      </c>
      <c r="E8" s="1517">
        <v>24</v>
      </c>
      <c r="F8" s="1517">
        <v>24</v>
      </c>
      <c r="G8" s="1518">
        <v>25</v>
      </c>
      <c r="H8" s="1519">
        <v>25</v>
      </c>
      <c r="I8" s="1517">
        <v>24</v>
      </c>
      <c r="J8" s="1517">
        <v>26</v>
      </c>
      <c r="K8" s="1519">
        <v>42</v>
      </c>
      <c r="L8" s="1520">
        <v>49</v>
      </c>
      <c r="M8" s="1517">
        <v>97</v>
      </c>
      <c r="N8" s="1517">
        <v>103</v>
      </c>
    </row>
    <row r="9" spans="1:14" ht="13" customHeight="1" x14ac:dyDescent="0.25">
      <c r="A9" s="40" t="s">
        <v>52</v>
      </c>
      <c r="B9" s="1521">
        <v>1</v>
      </c>
      <c r="C9" s="1522">
        <v>2</v>
      </c>
      <c r="D9" s="1523">
        <v>6</v>
      </c>
      <c r="E9" s="1521">
        <v>5</v>
      </c>
      <c r="F9" s="1521">
        <v>5</v>
      </c>
      <c r="G9" s="1522">
        <v>6</v>
      </c>
      <c r="H9" s="1523">
        <v>6</v>
      </c>
      <c r="I9" s="1521">
        <v>5</v>
      </c>
      <c r="J9" s="1521">
        <v>5</v>
      </c>
      <c r="K9" s="1523">
        <v>3</v>
      </c>
      <c r="L9" s="1524">
        <v>11</v>
      </c>
      <c r="M9" s="1521">
        <v>22</v>
      </c>
      <c r="N9" s="1521">
        <v>22</v>
      </c>
    </row>
    <row r="10" spans="1:14" ht="13" customHeight="1" x14ac:dyDescent="0.25">
      <c r="A10" s="40" t="s">
        <v>51</v>
      </c>
      <c r="B10" s="1521">
        <v>11</v>
      </c>
      <c r="C10" s="1522">
        <v>10</v>
      </c>
      <c r="D10" s="1523">
        <v>9</v>
      </c>
      <c r="E10" s="1521">
        <v>10</v>
      </c>
      <c r="F10" s="1521">
        <v>10</v>
      </c>
      <c r="G10" s="1522">
        <v>10</v>
      </c>
      <c r="H10" s="1523">
        <v>10</v>
      </c>
      <c r="I10" s="1521">
        <v>11</v>
      </c>
      <c r="J10" s="1521">
        <v>11</v>
      </c>
      <c r="K10" s="1523">
        <v>21</v>
      </c>
      <c r="L10" s="1524">
        <v>20</v>
      </c>
      <c r="M10" s="1521">
        <v>39</v>
      </c>
      <c r="N10" s="1521">
        <v>45</v>
      </c>
    </row>
    <row r="11" spans="1:14" ht="13" customHeight="1" x14ac:dyDescent="0.25">
      <c r="A11" s="40" t="s">
        <v>571</v>
      </c>
      <c r="B11" s="1521">
        <v>9</v>
      </c>
      <c r="C11" s="1522">
        <v>9</v>
      </c>
      <c r="D11" s="1523">
        <v>9</v>
      </c>
      <c r="E11" s="1521">
        <v>9</v>
      </c>
      <c r="F11" s="1521">
        <v>9</v>
      </c>
      <c r="G11" s="1522">
        <v>9</v>
      </c>
      <c r="H11" s="1523">
        <v>9</v>
      </c>
      <c r="I11" s="1521">
        <v>8</v>
      </c>
      <c r="J11" s="1521">
        <v>10</v>
      </c>
      <c r="K11" s="1523">
        <v>18</v>
      </c>
      <c r="L11" s="1524">
        <v>18</v>
      </c>
      <c r="M11" s="1521">
        <v>36</v>
      </c>
      <c r="N11" s="1521">
        <v>36</v>
      </c>
    </row>
    <row r="12" spans="1:14" ht="13" customHeight="1" x14ac:dyDescent="0.25">
      <c r="A12" s="41" t="s">
        <v>572</v>
      </c>
      <c r="B12" s="1521"/>
      <c r="C12" s="1522"/>
      <c r="D12" s="1523"/>
      <c r="E12" s="1521"/>
      <c r="F12" s="1521"/>
      <c r="G12" s="1522"/>
      <c r="H12" s="1523"/>
      <c r="I12" s="1521"/>
      <c r="J12" s="1521"/>
      <c r="K12" s="1523"/>
      <c r="L12" s="1524"/>
      <c r="M12" s="1521"/>
      <c r="N12" s="1521"/>
    </row>
    <row r="13" spans="1:14" ht="13" customHeight="1" x14ac:dyDescent="0.25">
      <c r="A13" s="39" t="s">
        <v>590</v>
      </c>
      <c r="B13" s="1517">
        <v>0</v>
      </c>
      <c r="C13" s="1518">
        <v>0</v>
      </c>
      <c r="D13" s="1519">
        <v>361</v>
      </c>
      <c r="E13" s="1517">
        <v>0</v>
      </c>
      <c r="F13" s="1517">
        <v>0</v>
      </c>
      <c r="G13" s="1518">
        <v>0</v>
      </c>
      <c r="H13" s="1519">
        <v>0</v>
      </c>
      <c r="I13" s="1517">
        <v>0</v>
      </c>
      <c r="J13" s="1517">
        <v>0</v>
      </c>
      <c r="K13" s="1519">
        <v>0</v>
      </c>
      <c r="L13" s="1520">
        <v>0</v>
      </c>
      <c r="M13" s="1517">
        <v>361</v>
      </c>
      <c r="N13" s="1517">
        <v>0</v>
      </c>
    </row>
    <row r="14" spans="1:14" ht="13" customHeight="1" x14ac:dyDescent="0.25">
      <c r="A14" s="39" t="s">
        <v>591</v>
      </c>
      <c r="B14" s="1517">
        <v>0</v>
      </c>
      <c r="C14" s="1518">
        <v>0</v>
      </c>
      <c r="D14" s="1519">
        <v>133</v>
      </c>
      <c r="E14" s="1517">
        <v>0</v>
      </c>
      <c r="F14" s="1517">
        <v>0</v>
      </c>
      <c r="G14" s="1518">
        <v>0</v>
      </c>
      <c r="H14" s="1519">
        <v>0</v>
      </c>
      <c r="I14" s="1517">
        <v>0</v>
      </c>
      <c r="J14" s="1517">
        <v>0</v>
      </c>
      <c r="K14" s="1519">
        <v>0</v>
      </c>
      <c r="L14" s="1520">
        <v>0</v>
      </c>
      <c r="M14" s="1517">
        <v>133</v>
      </c>
      <c r="N14" s="1517">
        <v>0</v>
      </c>
    </row>
    <row r="15" spans="1:14" ht="13" customHeight="1" x14ac:dyDescent="0.25">
      <c r="A15" s="42" t="s">
        <v>592</v>
      </c>
      <c r="B15" s="1525">
        <v>0</v>
      </c>
      <c r="C15" s="1526">
        <v>0</v>
      </c>
      <c r="D15" s="1527">
        <v>85</v>
      </c>
      <c r="E15" s="1525">
        <v>0</v>
      </c>
      <c r="F15" s="1525">
        <v>0</v>
      </c>
      <c r="G15" s="1526">
        <v>0</v>
      </c>
      <c r="H15" s="1527">
        <v>188</v>
      </c>
      <c r="I15" s="1525">
        <v>0</v>
      </c>
      <c r="J15" s="1525">
        <v>0</v>
      </c>
      <c r="K15" s="1527">
        <v>0</v>
      </c>
      <c r="L15" s="1528">
        <v>0</v>
      </c>
      <c r="M15" s="1525">
        <v>85</v>
      </c>
      <c r="N15" s="1525">
        <v>188</v>
      </c>
    </row>
    <row r="16" spans="1:14" ht="13" customHeight="1" x14ac:dyDescent="0.25">
      <c r="A16" s="43" t="s">
        <v>62</v>
      </c>
      <c r="B16" s="1529">
        <v>21</v>
      </c>
      <c r="C16" s="1530">
        <v>21</v>
      </c>
      <c r="D16" s="1531">
        <v>603</v>
      </c>
      <c r="E16" s="1529">
        <v>24</v>
      </c>
      <c r="F16" s="1529">
        <v>24</v>
      </c>
      <c r="G16" s="1530">
        <v>25</v>
      </c>
      <c r="H16" s="1531">
        <v>213</v>
      </c>
      <c r="I16" s="1529">
        <v>24</v>
      </c>
      <c r="J16" s="1529">
        <v>26</v>
      </c>
      <c r="K16" s="1531">
        <v>42</v>
      </c>
      <c r="L16" s="1532">
        <v>49</v>
      </c>
      <c r="M16" s="1529">
        <v>676</v>
      </c>
      <c r="N16" s="1529">
        <v>291</v>
      </c>
    </row>
    <row r="17" spans="1:14" ht="13" customHeight="1" x14ac:dyDescent="0.25">
      <c r="A17" s="43"/>
      <c r="B17" s="1529"/>
      <c r="C17" s="1530"/>
      <c r="D17" s="1531"/>
      <c r="E17" s="1529"/>
      <c r="F17" s="1529"/>
      <c r="G17" s="1530"/>
      <c r="H17" s="1531"/>
      <c r="I17" s="1529"/>
      <c r="J17" s="1529"/>
      <c r="K17" s="1531"/>
      <c r="L17" s="1532"/>
      <c r="M17" s="1529"/>
      <c r="N17" s="1529"/>
    </row>
    <row r="18" spans="1:14" ht="13" customHeight="1" x14ac:dyDescent="0.25">
      <c r="A18" s="27" t="s">
        <v>718</v>
      </c>
      <c r="B18" s="1533"/>
      <c r="C18" s="1534"/>
      <c r="D18" s="1535"/>
      <c r="E18" s="1533"/>
      <c r="F18" s="1533"/>
      <c r="G18" s="1534"/>
      <c r="H18" s="1535"/>
      <c r="I18" s="1533"/>
      <c r="J18" s="1533"/>
      <c r="K18" s="1535"/>
      <c r="L18" s="1536"/>
      <c r="M18" s="1533"/>
      <c r="N18" s="1533"/>
    </row>
    <row r="19" spans="1:14" ht="13" customHeight="1" x14ac:dyDescent="0.25">
      <c r="A19" s="33" t="s">
        <v>50</v>
      </c>
      <c r="B19" s="1537"/>
      <c r="C19" s="1538"/>
      <c r="D19" s="1539"/>
      <c r="E19" s="1537"/>
      <c r="F19" s="1537"/>
      <c r="G19" s="1538"/>
      <c r="H19" s="1539"/>
      <c r="I19" s="1537"/>
      <c r="J19" s="1537"/>
      <c r="K19" s="1539"/>
      <c r="L19" s="1540"/>
      <c r="M19" s="1537"/>
      <c r="N19" s="1537"/>
    </row>
    <row r="20" spans="1:14" ht="13" customHeight="1" x14ac:dyDescent="0.25">
      <c r="A20" s="39" t="s">
        <v>589</v>
      </c>
      <c r="B20" s="1517">
        <v>15</v>
      </c>
      <c r="C20" s="1518">
        <v>15</v>
      </c>
      <c r="D20" s="1519">
        <v>18</v>
      </c>
      <c r="E20" s="1517">
        <v>17</v>
      </c>
      <c r="F20" s="1517">
        <v>18</v>
      </c>
      <c r="G20" s="1518">
        <v>18</v>
      </c>
      <c r="H20" s="1519">
        <v>18</v>
      </c>
      <c r="I20" s="1517">
        <v>18</v>
      </c>
      <c r="J20" s="1517">
        <v>19</v>
      </c>
      <c r="K20" s="1519">
        <v>30</v>
      </c>
      <c r="L20" s="1520">
        <v>36</v>
      </c>
      <c r="M20" s="1517">
        <v>71</v>
      </c>
      <c r="N20" s="1517">
        <v>75</v>
      </c>
    </row>
    <row r="21" spans="1:14" ht="13" customHeight="1" x14ac:dyDescent="0.25">
      <c r="A21" s="40" t="s">
        <v>52</v>
      </c>
      <c r="B21" s="1521">
        <v>1</v>
      </c>
      <c r="C21" s="1522">
        <v>1</v>
      </c>
      <c r="D21" s="1523">
        <v>4</v>
      </c>
      <c r="E21" s="1521">
        <v>4</v>
      </c>
      <c r="F21" s="1521">
        <v>4</v>
      </c>
      <c r="G21" s="1522">
        <v>4</v>
      </c>
      <c r="H21" s="1523">
        <v>4</v>
      </c>
      <c r="I21" s="1521">
        <v>4</v>
      </c>
      <c r="J21" s="1521">
        <v>4</v>
      </c>
      <c r="K21" s="1523">
        <v>2</v>
      </c>
      <c r="L21" s="1524">
        <v>8</v>
      </c>
      <c r="M21" s="1521">
        <v>16</v>
      </c>
      <c r="N21" s="1521">
        <v>16</v>
      </c>
    </row>
    <row r="22" spans="1:14" ht="13" customHeight="1" x14ac:dyDescent="0.25">
      <c r="A22" s="40" t="s">
        <v>51</v>
      </c>
      <c r="B22" s="1521">
        <v>8</v>
      </c>
      <c r="C22" s="1522">
        <v>7</v>
      </c>
      <c r="D22" s="1523">
        <v>7</v>
      </c>
      <c r="E22" s="1521">
        <v>6</v>
      </c>
      <c r="F22" s="1521">
        <v>8</v>
      </c>
      <c r="G22" s="1522">
        <v>7</v>
      </c>
      <c r="H22" s="1523">
        <v>7</v>
      </c>
      <c r="I22" s="1521">
        <v>7</v>
      </c>
      <c r="J22" s="1521">
        <v>9</v>
      </c>
      <c r="K22" s="1523">
        <v>15</v>
      </c>
      <c r="L22" s="1524">
        <v>15</v>
      </c>
      <c r="M22" s="1521">
        <v>28</v>
      </c>
      <c r="N22" s="1521">
        <v>32</v>
      </c>
    </row>
    <row r="23" spans="1:14" ht="13" customHeight="1" x14ac:dyDescent="0.25">
      <c r="A23" s="40" t="s">
        <v>571</v>
      </c>
      <c r="B23" s="1521">
        <v>6</v>
      </c>
      <c r="C23" s="1522">
        <v>7</v>
      </c>
      <c r="D23" s="1523">
        <v>7</v>
      </c>
      <c r="E23" s="1521">
        <v>7</v>
      </c>
      <c r="F23" s="1521">
        <v>6</v>
      </c>
      <c r="G23" s="1522">
        <v>7</v>
      </c>
      <c r="H23" s="1523">
        <v>7</v>
      </c>
      <c r="I23" s="1521">
        <v>7</v>
      </c>
      <c r="J23" s="1521">
        <v>6</v>
      </c>
      <c r="K23" s="1523">
        <v>13</v>
      </c>
      <c r="L23" s="1524">
        <v>13</v>
      </c>
      <c r="M23" s="1521">
        <v>27</v>
      </c>
      <c r="N23" s="1521">
        <v>27</v>
      </c>
    </row>
    <row r="24" spans="1:14" ht="13" customHeight="1" x14ac:dyDescent="0.25">
      <c r="A24" s="41" t="s">
        <v>572</v>
      </c>
      <c r="B24" s="1521"/>
      <c r="C24" s="1522"/>
      <c r="D24" s="1523"/>
      <c r="E24" s="1521"/>
      <c r="F24" s="1521"/>
      <c r="G24" s="1522"/>
      <c r="H24" s="1523"/>
      <c r="I24" s="1521"/>
      <c r="J24" s="1521"/>
      <c r="K24" s="1523"/>
      <c r="L24" s="1524"/>
      <c r="M24" s="1521"/>
      <c r="N24" s="1521"/>
    </row>
    <row r="25" spans="1:14" ht="13" customHeight="1" x14ac:dyDescent="0.25">
      <c r="A25" s="39" t="s">
        <v>593</v>
      </c>
      <c r="B25" s="1517">
        <v>0</v>
      </c>
      <c r="C25" s="1518">
        <v>579</v>
      </c>
      <c r="D25" s="1519">
        <v>0</v>
      </c>
      <c r="E25" s="1517">
        <v>0</v>
      </c>
      <c r="F25" s="1517">
        <v>0</v>
      </c>
      <c r="G25" s="1518">
        <v>0</v>
      </c>
      <c r="H25" s="1519">
        <v>0</v>
      </c>
      <c r="I25" s="1517">
        <v>0</v>
      </c>
      <c r="J25" s="1517">
        <v>0</v>
      </c>
      <c r="K25" s="1523">
        <v>579</v>
      </c>
      <c r="L25" s="1524">
        <v>0</v>
      </c>
      <c r="M25" s="1521">
        <v>0</v>
      </c>
      <c r="N25" s="1517">
        <v>0</v>
      </c>
    </row>
    <row r="26" spans="1:14" ht="13" customHeight="1" x14ac:dyDescent="0.25">
      <c r="A26" s="39" t="s">
        <v>590</v>
      </c>
      <c r="B26" s="1517">
        <v>0</v>
      </c>
      <c r="C26" s="1518">
        <v>0</v>
      </c>
      <c r="D26" s="1519">
        <v>340</v>
      </c>
      <c r="E26" s="1517">
        <v>0</v>
      </c>
      <c r="F26" s="1517">
        <v>0</v>
      </c>
      <c r="G26" s="1518">
        <v>0</v>
      </c>
      <c r="H26" s="1519">
        <v>0</v>
      </c>
      <c r="I26" s="1517">
        <v>0</v>
      </c>
      <c r="J26" s="1517">
        <v>0</v>
      </c>
      <c r="K26" s="1519">
        <v>0</v>
      </c>
      <c r="L26" s="1520">
        <v>0</v>
      </c>
      <c r="M26" s="1517">
        <v>340</v>
      </c>
      <c r="N26" s="1517">
        <v>0</v>
      </c>
    </row>
    <row r="27" spans="1:14" ht="13" customHeight="1" x14ac:dyDescent="0.25">
      <c r="A27" s="39" t="s">
        <v>591</v>
      </c>
      <c r="B27" s="1517">
        <v>0</v>
      </c>
      <c r="C27" s="1518">
        <v>0</v>
      </c>
      <c r="D27" s="1519">
        <v>98</v>
      </c>
      <c r="E27" s="1517">
        <v>0</v>
      </c>
      <c r="F27" s="1517">
        <v>0</v>
      </c>
      <c r="G27" s="1518">
        <v>0</v>
      </c>
      <c r="H27" s="1519">
        <v>0</v>
      </c>
      <c r="I27" s="1517">
        <v>0</v>
      </c>
      <c r="J27" s="1517">
        <v>0</v>
      </c>
      <c r="K27" s="1519">
        <v>0</v>
      </c>
      <c r="L27" s="1520">
        <v>0</v>
      </c>
      <c r="M27" s="1517">
        <v>98</v>
      </c>
      <c r="N27" s="1517">
        <v>0</v>
      </c>
    </row>
    <row r="28" spans="1:14" ht="13" customHeight="1" x14ac:dyDescent="0.25">
      <c r="A28" s="42" t="s">
        <v>592</v>
      </c>
      <c r="B28" s="1525">
        <v>0</v>
      </c>
      <c r="C28" s="1526">
        <v>0</v>
      </c>
      <c r="D28" s="1527">
        <v>65</v>
      </c>
      <c r="E28" s="1525">
        <v>0</v>
      </c>
      <c r="F28" s="1525">
        <v>0</v>
      </c>
      <c r="G28" s="1526">
        <v>0</v>
      </c>
      <c r="H28" s="1527">
        <v>129</v>
      </c>
      <c r="I28" s="1525">
        <v>0</v>
      </c>
      <c r="J28" s="1525">
        <v>0</v>
      </c>
      <c r="K28" s="1527">
        <v>0</v>
      </c>
      <c r="L28" s="1528">
        <v>0</v>
      </c>
      <c r="M28" s="1525">
        <v>65</v>
      </c>
      <c r="N28" s="1525">
        <v>129</v>
      </c>
    </row>
    <row r="29" spans="1:14" ht="13" customHeight="1" x14ac:dyDescent="0.25">
      <c r="A29" s="43" t="s">
        <v>63</v>
      </c>
      <c r="B29" s="1529">
        <v>15</v>
      </c>
      <c r="C29" s="1530">
        <v>594</v>
      </c>
      <c r="D29" s="1531">
        <v>521</v>
      </c>
      <c r="E29" s="1529">
        <v>17</v>
      </c>
      <c r="F29" s="1529">
        <v>18</v>
      </c>
      <c r="G29" s="1530">
        <v>18</v>
      </c>
      <c r="H29" s="1531">
        <v>147</v>
      </c>
      <c r="I29" s="1529">
        <v>18</v>
      </c>
      <c r="J29" s="1529">
        <v>19</v>
      </c>
      <c r="K29" s="1531">
        <v>609</v>
      </c>
      <c r="L29" s="1532">
        <v>36</v>
      </c>
      <c r="M29" s="1529">
        <v>574</v>
      </c>
      <c r="N29" s="1529">
        <v>204</v>
      </c>
    </row>
    <row r="30" spans="1:14" ht="8.15" customHeight="1" x14ac:dyDescent="0.25">
      <c r="A30" s="44"/>
      <c r="B30" s="45"/>
      <c r="C30" s="45"/>
      <c r="D30" s="45"/>
      <c r="E30" s="45"/>
      <c r="F30" s="45"/>
      <c r="G30" s="45"/>
      <c r="H30" s="45"/>
      <c r="I30" s="45"/>
      <c r="J30" s="45"/>
      <c r="K30" s="45"/>
      <c r="L30" s="45"/>
      <c r="M30" s="45"/>
      <c r="N30" s="45"/>
    </row>
    <row r="31" spans="1:14" ht="10.4" customHeight="1" x14ac:dyDescent="0.25">
      <c r="A31" s="3103" t="s">
        <v>719</v>
      </c>
      <c r="B31" s="3104" t="s">
        <v>38</v>
      </c>
      <c r="C31" s="3104" t="s">
        <v>38</v>
      </c>
      <c r="D31" s="3104" t="s">
        <v>38</v>
      </c>
      <c r="E31" s="3104" t="s">
        <v>38</v>
      </c>
      <c r="F31" s="3104" t="s">
        <v>38</v>
      </c>
      <c r="G31" s="3104" t="s">
        <v>38</v>
      </c>
      <c r="H31" s="3104" t="s">
        <v>38</v>
      </c>
      <c r="I31" s="3104" t="s">
        <v>38</v>
      </c>
      <c r="J31" s="3104" t="s">
        <v>38</v>
      </c>
      <c r="K31" s="3104" t="s">
        <v>38</v>
      </c>
      <c r="L31" s="3104" t="s">
        <v>38</v>
      </c>
      <c r="M31" s="3104" t="s">
        <v>38</v>
      </c>
      <c r="N31" s="3104" t="s">
        <v>38</v>
      </c>
    </row>
    <row r="32" spans="1:14" ht="10.4" customHeight="1" x14ac:dyDescent="0.25">
      <c r="A32" s="3103" t="s">
        <v>64</v>
      </c>
      <c r="B32" s="3103" t="s">
        <v>38</v>
      </c>
      <c r="C32" s="3103" t="s">
        <v>38</v>
      </c>
      <c r="D32" s="3103" t="s">
        <v>38</v>
      </c>
      <c r="E32" s="3103" t="s">
        <v>38</v>
      </c>
      <c r="F32" s="3103" t="s">
        <v>38</v>
      </c>
      <c r="G32" s="3103" t="s">
        <v>38</v>
      </c>
      <c r="H32" s="3103" t="s">
        <v>38</v>
      </c>
      <c r="I32" s="3103" t="s">
        <v>38</v>
      </c>
      <c r="J32" s="3103" t="s">
        <v>38</v>
      </c>
      <c r="K32" s="3103" t="s">
        <v>38</v>
      </c>
      <c r="L32" s="3103" t="s">
        <v>38</v>
      </c>
      <c r="M32" s="3103" t="s">
        <v>38</v>
      </c>
      <c r="N32" s="3103" t="s">
        <v>38</v>
      </c>
    </row>
    <row r="33" spans="1:14" ht="10.4" customHeight="1" x14ac:dyDescent="0.25">
      <c r="A33" s="3103" t="s">
        <v>65</v>
      </c>
      <c r="B33" s="3104" t="s">
        <v>38</v>
      </c>
      <c r="C33" s="3104" t="s">
        <v>38</v>
      </c>
      <c r="D33" s="3104" t="s">
        <v>38</v>
      </c>
      <c r="E33" s="3104" t="s">
        <v>38</v>
      </c>
      <c r="F33" s="3104" t="s">
        <v>38</v>
      </c>
      <c r="G33" s="3104" t="s">
        <v>38</v>
      </c>
      <c r="H33" s="3104" t="s">
        <v>38</v>
      </c>
      <c r="I33" s="3104" t="s">
        <v>38</v>
      </c>
      <c r="J33" s="3104" t="s">
        <v>38</v>
      </c>
      <c r="K33" s="3104" t="s">
        <v>38</v>
      </c>
      <c r="L33" s="3104" t="s">
        <v>38</v>
      </c>
      <c r="M33" s="3104" t="s">
        <v>38</v>
      </c>
      <c r="N33" s="3104" t="s">
        <v>38</v>
      </c>
    </row>
  </sheetData>
  <mergeCells count="11">
    <mergeCell ref="A31:N31"/>
    <mergeCell ref="A32:N32"/>
    <mergeCell ref="A33:N33"/>
    <mergeCell ref="A2:N2"/>
    <mergeCell ref="A3:N3"/>
    <mergeCell ref="A4:N4"/>
    <mergeCell ref="B5:C5"/>
    <mergeCell ref="D5:G5"/>
    <mergeCell ref="H5:J5"/>
    <mergeCell ref="K5:L5"/>
    <mergeCell ref="M5:N5"/>
  </mergeCells>
  <hyperlinks>
    <hyperlink ref="A1" location="TDM!A1" display=" Retour à la table des matières" xr:uid="{819ED2A0-E33C-4230-8458-2DD3019CD60A}"/>
  </hyperlinks>
  <printOptions horizontalCentered="1"/>
  <pageMargins left="0.51181102362204722" right="0.51181102362204722" top="0.51181102362204722" bottom="0.51181102362204722" header="0.23622047244094491" footer="0.23622047244094491"/>
  <pageSetup scale="70" orientation="landscape" r:id="rId1"/>
  <headerFooter>
    <oddFooter>&amp;L&amp;G&amp;C&amp;"Scotia,Regular"&amp;9Informations financières supplémentaires (IFS)&amp;R&amp;"Scotia,Regular"&amp;9&amp;A</oddFooter>
  </headerFooter>
  <legacyDrawingHF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43572D-406E-4F8F-957D-AA101E30A4DF}">
  <sheetPr>
    <pageSetUpPr fitToPage="1"/>
  </sheetPr>
  <dimension ref="A1:F52"/>
  <sheetViews>
    <sheetView showGridLines="0" zoomScaleNormal="100" workbookViewId="0"/>
  </sheetViews>
  <sheetFormatPr defaultColWidth="8.7265625" defaultRowHeight="12.5" x14ac:dyDescent="0.25"/>
  <cols>
    <col min="1" max="1" width="74.7265625" style="25" customWidth="1"/>
    <col min="2" max="2" width="15.26953125" style="25" customWidth="1"/>
    <col min="3" max="3" width="18.1796875" style="25" customWidth="1"/>
    <col min="4" max="4" width="23.81640625" style="25" customWidth="1"/>
    <col min="5" max="5" width="19.54296875" style="25" customWidth="1"/>
    <col min="6" max="6" width="16.7265625" style="25" customWidth="1"/>
    <col min="7" max="16384" width="8.7265625" style="25"/>
  </cols>
  <sheetData>
    <row r="1" spans="1:6" ht="20.149999999999999" customHeight="1" x14ac:dyDescent="0.25">
      <c r="A1" s="24" t="s">
        <v>567</v>
      </c>
    </row>
    <row r="2" spans="1:6" ht="24.65" customHeight="1" x14ac:dyDescent="0.25">
      <c r="A2" s="3102" t="s">
        <v>568</v>
      </c>
      <c r="B2" s="3102" t="s">
        <v>38</v>
      </c>
      <c r="C2" s="3102" t="s">
        <v>38</v>
      </c>
      <c r="D2" s="3102" t="s">
        <v>38</v>
      </c>
      <c r="E2" s="3102" t="s">
        <v>38</v>
      </c>
      <c r="F2" s="3102" t="s">
        <v>38</v>
      </c>
    </row>
    <row r="3" spans="1:6" ht="12" customHeight="1" x14ac:dyDescent="0.25">
      <c r="A3" s="3114" t="s">
        <v>66</v>
      </c>
      <c r="B3" s="3114" t="s">
        <v>38</v>
      </c>
      <c r="C3" s="3114" t="s">
        <v>38</v>
      </c>
      <c r="D3" s="3114" t="s">
        <v>38</v>
      </c>
      <c r="E3" s="3114" t="s">
        <v>38</v>
      </c>
      <c r="F3" s="3114" t="s">
        <v>38</v>
      </c>
    </row>
    <row r="4" spans="1:6" ht="12" customHeight="1" x14ac:dyDescent="0.25">
      <c r="A4" s="46"/>
      <c r="B4" s="3115" t="s">
        <v>67</v>
      </c>
      <c r="C4" s="3116" t="s">
        <v>38</v>
      </c>
      <c r="D4" s="3117" t="s">
        <v>38</v>
      </c>
      <c r="E4" s="3118" t="s">
        <v>68</v>
      </c>
      <c r="F4" s="3119" t="s">
        <v>38</v>
      </c>
    </row>
    <row r="5" spans="1:6" ht="12" customHeight="1" x14ac:dyDescent="0.25">
      <c r="A5" s="47" t="s">
        <v>69</v>
      </c>
      <c r="B5" s="48" t="s">
        <v>44</v>
      </c>
      <c r="C5" s="49" t="s">
        <v>61</v>
      </c>
      <c r="D5" s="49" t="s">
        <v>60</v>
      </c>
      <c r="E5" s="48" t="s">
        <v>44</v>
      </c>
      <c r="F5" s="50" t="s">
        <v>60</v>
      </c>
    </row>
    <row r="6" spans="1:6" ht="15" customHeight="1" x14ac:dyDescent="0.25">
      <c r="A6" s="51" t="s">
        <v>71</v>
      </c>
      <c r="B6" s="52"/>
      <c r="C6" s="53"/>
      <c r="D6" s="53"/>
      <c r="E6" s="52"/>
      <c r="F6" s="54"/>
    </row>
    <row r="7" spans="1:6" ht="12" customHeight="1" x14ac:dyDescent="0.25">
      <c r="A7" s="55" t="s">
        <v>70</v>
      </c>
      <c r="B7" s="1541">
        <v>4466</v>
      </c>
      <c r="C7" s="56">
        <v>4569</v>
      </c>
      <c r="D7" s="56">
        <v>4473</v>
      </c>
      <c r="E7" s="1542">
        <v>9035</v>
      </c>
      <c r="F7" s="1543">
        <v>8817</v>
      </c>
    </row>
    <row r="8" spans="1:6" ht="12" customHeight="1" x14ac:dyDescent="0.25">
      <c r="A8" s="57" t="s">
        <v>23</v>
      </c>
      <c r="B8" s="1544">
        <v>3463</v>
      </c>
      <c r="C8" s="58">
        <v>3411</v>
      </c>
      <c r="D8" s="58">
        <v>3469</v>
      </c>
      <c r="E8" s="1545">
        <v>6874</v>
      </c>
      <c r="F8" s="1546">
        <v>7174</v>
      </c>
    </row>
    <row r="9" spans="1:6" ht="12" customHeight="1" x14ac:dyDescent="0.25">
      <c r="A9" s="59" t="s">
        <v>59</v>
      </c>
      <c r="B9" s="1544">
        <v>7929</v>
      </c>
      <c r="C9" s="58">
        <v>7980</v>
      </c>
      <c r="D9" s="58">
        <v>7942</v>
      </c>
      <c r="E9" s="1545">
        <v>15909</v>
      </c>
      <c r="F9" s="1546">
        <v>15991</v>
      </c>
    </row>
    <row r="10" spans="1:6" ht="12" customHeight="1" x14ac:dyDescent="0.25">
      <c r="A10" s="60" t="s">
        <v>58</v>
      </c>
      <c r="B10" s="1544">
        <v>709</v>
      </c>
      <c r="C10" s="58">
        <v>638</v>
      </c>
      <c r="D10" s="58">
        <v>219</v>
      </c>
      <c r="E10" s="1545">
        <v>1347</v>
      </c>
      <c r="F10" s="1546">
        <v>441</v>
      </c>
    </row>
    <row r="11" spans="1:6" ht="12" customHeight="1" x14ac:dyDescent="0.25">
      <c r="A11" s="61" t="s">
        <v>57</v>
      </c>
      <c r="B11" s="1544">
        <v>4576</v>
      </c>
      <c r="C11" s="58">
        <v>4464</v>
      </c>
      <c r="D11" s="58">
        <v>4159</v>
      </c>
      <c r="E11" s="1545">
        <v>9040</v>
      </c>
      <c r="F11" s="1546">
        <v>8382</v>
      </c>
    </row>
    <row r="12" spans="1:6" ht="12" customHeight="1" x14ac:dyDescent="0.25">
      <c r="A12" s="60" t="s">
        <v>56</v>
      </c>
      <c r="B12" s="1544">
        <v>2644</v>
      </c>
      <c r="C12" s="58">
        <v>2878</v>
      </c>
      <c r="D12" s="58">
        <v>3564</v>
      </c>
      <c r="E12" s="1545">
        <v>5522</v>
      </c>
      <c r="F12" s="1546">
        <v>7168</v>
      </c>
    </row>
    <row r="13" spans="1:6" ht="12" customHeight="1" x14ac:dyDescent="0.25">
      <c r="A13" s="61" t="s">
        <v>55</v>
      </c>
      <c r="B13" s="1544">
        <v>485</v>
      </c>
      <c r="C13" s="58">
        <v>1106</v>
      </c>
      <c r="D13" s="58">
        <v>817</v>
      </c>
      <c r="E13" s="1545">
        <v>1591</v>
      </c>
      <c r="F13" s="1546">
        <v>1681</v>
      </c>
    </row>
    <row r="14" spans="1:6" ht="12" customHeight="1" x14ac:dyDescent="0.25">
      <c r="A14" s="59" t="s">
        <v>54</v>
      </c>
      <c r="B14" s="1544">
        <v>2159</v>
      </c>
      <c r="C14" s="58">
        <v>1772</v>
      </c>
      <c r="D14" s="58">
        <v>2747</v>
      </c>
      <c r="E14" s="1545">
        <v>3931</v>
      </c>
      <c r="F14" s="1546">
        <v>5487</v>
      </c>
    </row>
    <row r="15" spans="1:6" ht="12" customHeight="1" x14ac:dyDescent="0.25">
      <c r="A15" s="60" t="s">
        <v>73</v>
      </c>
      <c r="B15" s="1544">
        <v>26</v>
      </c>
      <c r="C15" s="58">
        <v>40</v>
      </c>
      <c r="D15" s="58">
        <v>78</v>
      </c>
      <c r="E15" s="1545">
        <v>66</v>
      </c>
      <c r="F15" s="1546">
        <v>166</v>
      </c>
    </row>
    <row r="16" spans="1:6" ht="12" customHeight="1" x14ac:dyDescent="0.25">
      <c r="A16" s="61" t="s">
        <v>53</v>
      </c>
      <c r="B16" s="1544">
        <v>2133</v>
      </c>
      <c r="C16" s="58">
        <v>1732</v>
      </c>
      <c r="D16" s="58">
        <v>2669</v>
      </c>
      <c r="E16" s="1545">
        <v>3865</v>
      </c>
      <c r="F16" s="1546">
        <v>5321</v>
      </c>
    </row>
    <row r="17" spans="1:6" ht="12" customHeight="1" x14ac:dyDescent="0.25">
      <c r="A17" s="61" t="s">
        <v>720</v>
      </c>
      <c r="B17" s="1547">
        <v>104</v>
      </c>
      <c r="C17" s="75">
        <v>101</v>
      </c>
      <c r="D17" s="75">
        <v>74</v>
      </c>
      <c r="E17" s="1548">
        <v>205</v>
      </c>
      <c r="F17" s="1549">
        <v>118</v>
      </c>
    </row>
    <row r="18" spans="1:6" ht="12" customHeight="1" x14ac:dyDescent="0.25">
      <c r="A18" s="61" t="s">
        <v>573</v>
      </c>
      <c r="B18" s="1550">
        <v>2029</v>
      </c>
      <c r="C18" s="58">
        <v>1631</v>
      </c>
      <c r="D18" s="58">
        <v>2595</v>
      </c>
      <c r="E18" s="1545">
        <v>3660</v>
      </c>
      <c r="F18" s="1546">
        <v>5203</v>
      </c>
    </row>
    <row r="19" spans="1:6" ht="12" customHeight="1" x14ac:dyDescent="0.25">
      <c r="A19" s="1551" t="s">
        <v>76</v>
      </c>
      <c r="B19" s="1552">
        <v>1.69</v>
      </c>
      <c r="C19" s="62">
        <v>1.36</v>
      </c>
      <c r="D19" s="62">
        <v>2.16</v>
      </c>
      <c r="E19" s="1553">
        <v>3.04</v>
      </c>
      <c r="F19" s="63">
        <v>4.3</v>
      </c>
    </row>
    <row r="20" spans="1:6" ht="12" customHeight="1" x14ac:dyDescent="0.25">
      <c r="A20" s="59" t="s">
        <v>77</v>
      </c>
      <c r="B20" s="1554">
        <v>1197</v>
      </c>
      <c r="C20" s="58">
        <v>1199</v>
      </c>
      <c r="D20" s="58">
        <v>1201</v>
      </c>
      <c r="E20" s="1545">
        <v>1199</v>
      </c>
      <c r="F20" s="1546">
        <v>1225</v>
      </c>
    </row>
    <row r="21" spans="1:6" ht="12" customHeight="1" x14ac:dyDescent="0.25">
      <c r="A21" s="64"/>
      <c r="B21" s="1555"/>
      <c r="C21" s="65"/>
      <c r="D21" s="65"/>
      <c r="E21" s="1556"/>
      <c r="F21" s="66"/>
    </row>
    <row r="22" spans="1:6" ht="15" customHeight="1" x14ac:dyDescent="0.25">
      <c r="A22" s="51" t="s">
        <v>78</v>
      </c>
      <c r="B22" s="1557"/>
      <c r="C22" s="67"/>
      <c r="D22" s="67"/>
      <c r="E22" s="1557"/>
      <c r="F22" s="68"/>
    </row>
    <row r="23" spans="1:6" ht="29.25" customHeight="1" x14ac:dyDescent="0.25">
      <c r="A23" s="60" t="s">
        <v>80</v>
      </c>
      <c r="B23" s="1547"/>
      <c r="C23" s="75"/>
      <c r="D23" s="75"/>
      <c r="E23" s="1548"/>
      <c r="F23" s="1549"/>
    </row>
    <row r="24" spans="1:6" ht="12" customHeight="1" x14ac:dyDescent="0.25">
      <c r="A24" s="69" t="s">
        <v>574</v>
      </c>
      <c r="B24" s="1547">
        <v>21</v>
      </c>
      <c r="C24" s="75">
        <v>21</v>
      </c>
      <c r="D24" s="75">
        <v>24</v>
      </c>
      <c r="E24" s="1548">
        <v>42</v>
      </c>
      <c r="F24" s="1549">
        <v>49</v>
      </c>
    </row>
    <row r="25" spans="1:6" ht="12" customHeight="1" x14ac:dyDescent="0.25">
      <c r="A25" s="60" t="s">
        <v>83</v>
      </c>
      <c r="B25" s="1547">
        <v>21</v>
      </c>
      <c r="C25" s="75">
        <v>21</v>
      </c>
      <c r="D25" s="75">
        <v>24</v>
      </c>
      <c r="E25" s="1548">
        <v>42</v>
      </c>
      <c r="F25" s="1549">
        <v>49</v>
      </c>
    </row>
    <row r="26" spans="1:6" ht="12" customHeight="1" x14ac:dyDescent="0.25">
      <c r="A26" s="59" t="s">
        <v>84</v>
      </c>
      <c r="B26" s="1547">
        <v>21</v>
      </c>
      <c r="C26" s="75">
        <v>21</v>
      </c>
      <c r="D26" s="75">
        <v>24</v>
      </c>
      <c r="E26" s="1547">
        <v>42</v>
      </c>
      <c r="F26" s="1549">
        <v>49</v>
      </c>
    </row>
    <row r="27" spans="1:6" ht="12" customHeight="1" x14ac:dyDescent="0.25">
      <c r="A27" s="60" t="s">
        <v>85</v>
      </c>
      <c r="B27" s="1547"/>
      <c r="C27" s="75"/>
      <c r="D27" s="75"/>
      <c r="E27" s="1548"/>
      <c r="F27" s="1549"/>
    </row>
    <row r="28" spans="1:6" ht="12" customHeight="1" x14ac:dyDescent="0.25">
      <c r="A28" s="69" t="s">
        <v>86</v>
      </c>
      <c r="B28" s="1547">
        <v>0</v>
      </c>
      <c r="C28" s="75">
        <v>579</v>
      </c>
      <c r="D28" s="75">
        <v>0</v>
      </c>
      <c r="E28" s="1548">
        <v>579</v>
      </c>
      <c r="F28" s="1549">
        <v>0</v>
      </c>
    </row>
    <row r="29" spans="1:6" ht="14.5" customHeight="1" x14ac:dyDescent="0.25">
      <c r="A29" s="69" t="s">
        <v>574</v>
      </c>
      <c r="B29" s="1547">
        <v>-6</v>
      </c>
      <c r="C29" s="75">
        <v>-6</v>
      </c>
      <c r="D29" s="75">
        <v>-6</v>
      </c>
      <c r="E29" s="1547">
        <v>-12</v>
      </c>
      <c r="F29" s="1549">
        <v>-13</v>
      </c>
    </row>
    <row r="30" spans="1:6" ht="12" customHeight="1" x14ac:dyDescent="0.25">
      <c r="A30" s="59" t="s">
        <v>87</v>
      </c>
      <c r="B30" s="1548">
        <v>-6</v>
      </c>
      <c r="C30" s="75">
        <v>573</v>
      </c>
      <c r="D30" s="75">
        <v>-6</v>
      </c>
      <c r="E30" s="1548">
        <v>567</v>
      </c>
      <c r="F30" s="1549">
        <v>-13</v>
      </c>
    </row>
    <row r="31" spans="1:6" ht="12" customHeight="1" x14ac:dyDescent="0.25">
      <c r="A31" s="59" t="s">
        <v>88</v>
      </c>
      <c r="B31" s="1547">
        <v>15</v>
      </c>
      <c r="C31" s="75">
        <v>594</v>
      </c>
      <c r="D31" s="75">
        <v>18</v>
      </c>
      <c r="E31" s="1548">
        <v>609</v>
      </c>
      <c r="F31" s="1549">
        <v>36</v>
      </c>
    </row>
    <row r="32" spans="1:6" ht="12" customHeight="1" x14ac:dyDescent="0.25">
      <c r="A32" s="60" t="s">
        <v>89</v>
      </c>
      <c r="B32" s="1547">
        <v>0</v>
      </c>
      <c r="C32" s="75">
        <v>0</v>
      </c>
      <c r="D32" s="75">
        <v>0</v>
      </c>
      <c r="E32" s="1548">
        <v>0</v>
      </c>
      <c r="F32" s="1549">
        <v>0</v>
      </c>
    </row>
    <row r="33" spans="1:6" ht="22.5" customHeight="1" x14ac:dyDescent="0.25">
      <c r="A33" s="59" t="s">
        <v>90</v>
      </c>
      <c r="B33" s="1547">
        <v>15</v>
      </c>
      <c r="C33" s="75">
        <v>594</v>
      </c>
      <c r="D33" s="75">
        <v>18</v>
      </c>
      <c r="E33" s="1548">
        <v>609</v>
      </c>
      <c r="F33" s="1549">
        <v>36</v>
      </c>
    </row>
    <row r="34" spans="1:6" ht="12" customHeight="1" x14ac:dyDescent="0.25">
      <c r="A34" s="70"/>
      <c r="B34" s="1558"/>
      <c r="C34" s="71"/>
      <c r="D34" s="71"/>
      <c r="E34" s="1558"/>
      <c r="F34" s="72"/>
    </row>
    <row r="35" spans="1:6" ht="12" customHeight="1" x14ac:dyDescent="0.25">
      <c r="A35" s="51" t="s">
        <v>91</v>
      </c>
      <c r="B35" s="1559"/>
      <c r="C35" s="53"/>
      <c r="D35" s="53"/>
      <c r="E35" s="1559"/>
      <c r="F35" s="54"/>
    </row>
    <row r="36" spans="1:6" ht="12" customHeight="1" x14ac:dyDescent="0.25">
      <c r="A36" s="55" t="s">
        <v>70</v>
      </c>
      <c r="B36" s="1560">
        <v>4466</v>
      </c>
      <c r="C36" s="73">
        <v>4569</v>
      </c>
      <c r="D36" s="73">
        <v>4473</v>
      </c>
      <c r="E36" s="1560">
        <v>9035</v>
      </c>
      <c r="F36" s="74">
        <v>8817</v>
      </c>
    </row>
    <row r="37" spans="1:6" ht="12" customHeight="1" x14ac:dyDescent="0.25">
      <c r="A37" s="57" t="s">
        <v>23</v>
      </c>
      <c r="B37" s="1544">
        <v>3463</v>
      </c>
      <c r="C37" s="58">
        <v>3411</v>
      </c>
      <c r="D37" s="58">
        <v>3469</v>
      </c>
      <c r="E37" s="1545">
        <v>6874</v>
      </c>
      <c r="F37" s="1546">
        <v>7174</v>
      </c>
    </row>
    <row r="38" spans="1:6" ht="12" customHeight="1" x14ac:dyDescent="0.25">
      <c r="A38" s="59" t="s">
        <v>59</v>
      </c>
      <c r="B38" s="1544">
        <v>7929</v>
      </c>
      <c r="C38" s="58">
        <v>7980</v>
      </c>
      <c r="D38" s="58">
        <v>7942</v>
      </c>
      <c r="E38" s="1545">
        <v>15909</v>
      </c>
      <c r="F38" s="1546">
        <v>15991</v>
      </c>
    </row>
    <row r="39" spans="1:6" x14ac:dyDescent="0.25">
      <c r="A39" s="60" t="s">
        <v>58</v>
      </c>
      <c r="B39" s="1544">
        <v>709</v>
      </c>
      <c r="C39" s="58">
        <v>638</v>
      </c>
      <c r="D39" s="58">
        <v>219</v>
      </c>
      <c r="E39" s="1545">
        <v>1347</v>
      </c>
      <c r="F39" s="1546">
        <v>441</v>
      </c>
    </row>
    <row r="40" spans="1:6" ht="24" customHeight="1" x14ac:dyDescent="0.25">
      <c r="A40" s="61" t="s">
        <v>57</v>
      </c>
      <c r="B40" s="1544">
        <v>4555</v>
      </c>
      <c r="C40" s="58">
        <v>4443</v>
      </c>
      <c r="D40" s="58">
        <v>4135</v>
      </c>
      <c r="E40" s="1545">
        <v>8998</v>
      </c>
      <c r="F40" s="1546">
        <v>8333</v>
      </c>
    </row>
    <row r="41" spans="1:6" ht="12" customHeight="1" x14ac:dyDescent="0.25">
      <c r="A41" s="60" t="s">
        <v>56</v>
      </c>
      <c r="B41" s="1544">
        <v>2665</v>
      </c>
      <c r="C41" s="58">
        <v>2899</v>
      </c>
      <c r="D41" s="58">
        <v>3588</v>
      </c>
      <c r="E41" s="1545">
        <v>5564</v>
      </c>
      <c r="F41" s="1546">
        <v>7217</v>
      </c>
    </row>
    <row r="42" spans="1:6" ht="15" customHeight="1" x14ac:dyDescent="0.25">
      <c r="A42" s="61" t="s">
        <v>55</v>
      </c>
      <c r="B42" s="1544">
        <v>491</v>
      </c>
      <c r="C42" s="58">
        <v>533</v>
      </c>
      <c r="D42" s="58">
        <v>823</v>
      </c>
      <c r="E42" s="1545">
        <v>1024</v>
      </c>
      <c r="F42" s="1546">
        <v>1694</v>
      </c>
    </row>
    <row r="43" spans="1:6" ht="12" customHeight="1" x14ac:dyDescent="0.25">
      <c r="A43" s="59" t="s">
        <v>54</v>
      </c>
      <c r="B43" s="1544">
        <v>2174</v>
      </c>
      <c r="C43" s="58">
        <v>2366</v>
      </c>
      <c r="D43" s="58">
        <v>2765</v>
      </c>
      <c r="E43" s="1545">
        <v>4540</v>
      </c>
      <c r="F43" s="1546">
        <v>5523</v>
      </c>
    </row>
    <row r="44" spans="1:6" ht="12" customHeight="1" x14ac:dyDescent="0.25">
      <c r="A44" s="60" t="s">
        <v>92</v>
      </c>
      <c r="B44" s="1544">
        <v>26</v>
      </c>
      <c r="C44" s="58">
        <v>40</v>
      </c>
      <c r="D44" s="58">
        <v>78</v>
      </c>
      <c r="E44" s="1545">
        <v>66</v>
      </c>
      <c r="F44" s="1546">
        <v>166</v>
      </c>
    </row>
    <row r="45" spans="1:6" ht="12" customHeight="1" x14ac:dyDescent="0.25">
      <c r="A45" s="60" t="s">
        <v>53</v>
      </c>
      <c r="B45" s="1544">
        <v>2148</v>
      </c>
      <c r="C45" s="58">
        <v>2326</v>
      </c>
      <c r="D45" s="58">
        <v>2687</v>
      </c>
      <c r="E45" s="1545">
        <v>4474</v>
      </c>
      <c r="F45" s="1546">
        <v>5357</v>
      </c>
    </row>
    <row r="46" spans="1:6" ht="24" customHeight="1" x14ac:dyDescent="0.25">
      <c r="A46" s="60" t="s">
        <v>720</v>
      </c>
      <c r="B46" s="1547">
        <v>104</v>
      </c>
      <c r="C46" s="75">
        <v>101</v>
      </c>
      <c r="D46" s="75">
        <v>74</v>
      </c>
      <c r="E46" s="1548">
        <v>205</v>
      </c>
      <c r="F46" s="1549">
        <v>118</v>
      </c>
    </row>
    <row r="47" spans="1:6" ht="12" customHeight="1" x14ac:dyDescent="0.25">
      <c r="A47" s="61" t="s">
        <v>573</v>
      </c>
      <c r="B47" s="1544">
        <v>2044</v>
      </c>
      <c r="C47" s="58">
        <v>2225</v>
      </c>
      <c r="D47" s="58">
        <v>2613</v>
      </c>
      <c r="E47" s="1545">
        <v>4269</v>
      </c>
      <c r="F47" s="1546">
        <v>5239</v>
      </c>
    </row>
    <row r="48" spans="1:6" ht="12" customHeight="1" x14ac:dyDescent="0.25">
      <c r="A48" s="59" t="s">
        <v>76</v>
      </c>
      <c r="B48" s="1553">
        <v>1.7</v>
      </c>
      <c r="C48" s="62">
        <v>1.85</v>
      </c>
      <c r="D48" s="62">
        <v>2.1800000000000002</v>
      </c>
      <c r="E48" s="1553">
        <v>3.55</v>
      </c>
      <c r="F48" s="63">
        <v>4.33</v>
      </c>
    </row>
    <row r="49" spans="1:6" ht="12" customHeight="1" x14ac:dyDescent="0.25">
      <c r="A49" s="59" t="s">
        <v>95</v>
      </c>
      <c r="B49" s="1553">
        <v>1.0000000000000009E-2</v>
      </c>
      <c r="C49" s="62">
        <v>0.49</v>
      </c>
      <c r="D49" s="62">
        <v>2.0000000000000018E-2</v>
      </c>
      <c r="E49" s="1553">
        <v>0.50999999999999979</v>
      </c>
      <c r="F49" s="63">
        <v>3.0000000000000249E-2</v>
      </c>
    </row>
    <row r="50" spans="1:6" ht="12" customHeight="1" x14ac:dyDescent="0.25">
      <c r="A50" s="76" t="s">
        <v>77</v>
      </c>
      <c r="B50" s="1558">
        <v>1197</v>
      </c>
      <c r="C50" s="71">
        <v>1210</v>
      </c>
      <c r="D50" s="71">
        <v>1201</v>
      </c>
      <c r="E50" s="1558">
        <v>1199</v>
      </c>
      <c r="F50" s="72">
        <v>1225</v>
      </c>
    </row>
    <row r="51" spans="1:6" ht="12" customHeight="1" x14ac:dyDescent="0.25">
      <c r="A51" s="77"/>
      <c r="B51" s="78"/>
      <c r="C51" s="79"/>
      <c r="D51" s="79"/>
      <c r="E51" s="78"/>
      <c r="F51" s="79"/>
    </row>
    <row r="52" spans="1:6" ht="10" customHeight="1" x14ac:dyDescent="0.25">
      <c r="A52" s="3120"/>
      <c r="B52" s="3120" t="s">
        <v>38</v>
      </c>
      <c r="C52" s="3120" t="s">
        <v>38</v>
      </c>
      <c r="D52" s="3120" t="s">
        <v>38</v>
      </c>
      <c r="E52" s="3120" t="s">
        <v>38</v>
      </c>
      <c r="F52" s="3120" t="s">
        <v>38</v>
      </c>
    </row>
  </sheetData>
  <mergeCells count="5">
    <mergeCell ref="A2:F2"/>
    <mergeCell ref="A3:F3"/>
    <mergeCell ref="B4:D4"/>
    <mergeCell ref="E4:F4"/>
    <mergeCell ref="A52:F52"/>
  </mergeCells>
  <hyperlinks>
    <hyperlink ref="A1" location="TDM!A1" display=" Retour à la table des matières" xr:uid="{17EBB577-797D-4DCC-A230-6D16764A18C0}"/>
  </hyperlinks>
  <printOptions horizontalCentered="1"/>
  <pageMargins left="0.51181102362204722" right="0.51181102362204722" top="0.51181102362204722" bottom="0.51181102362204722" header="0.23622047244094491" footer="0.23622047244094491"/>
  <pageSetup scale="75" orientation="landscape" r:id="rId1"/>
  <headerFooter>
    <oddFooter>&amp;L&amp;G&amp;C&amp;"Scotia,Regular"&amp;9Informations financières supplémentaires (IFS)&amp;R&amp;"Scotia,Regular"&amp;9&amp;A</oddFooter>
  </headerFooter>
  <legacyDrawingHF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DB04FE-9F34-4BD7-BBE8-B40036F965A8}">
  <sheetPr>
    <pageSetUpPr fitToPage="1"/>
  </sheetPr>
  <dimension ref="A1:G41"/>
  <sheetViews>
    <sheetView showGridLines="0" zoomScale="120" zoomScaleNormal="120" workbookViewId="0"/>
  </sheetViews>
  <sheetFormatPr defaultColWidth="8.7265625" defaultRowHeight="12.5" x14ac:dyDescent="0.25"/>
  <cols>
    <col min="1" max="1" width="14.7265625" style="25" customWidth="1"/>
    <col min="2" max="2" width="6.7265625" style="25" customWidth="1"/>
    <col min="3" max="3" width="73.7265625" style="25" customWidth="1"/>
    <col min="4" max="4" width="17.7265625" style="25" customWidth="1"/>
    <col min="5" max="5" width="23.7265625" style="25" customWidth="1"/>
    <col min="6" max="7" width="17.7265625" style="25" customWidth="1"/>
    <col min="8" max="16384" width="8.7265625" style="25"/>
  </cols>
  <sheetData>
    <row r="1" spans="1:7" ht="20.149999999999999" customHeight="1" x14ac:dyDescent="0.25">
      <c r="A1" s="24" t="s">
        <v>567</v>
      </c>
    </row>
    <row r="2" spans="1:7" ht="24.65" customHeight="1" x14ac:dyDescent="0.25">
      <c r="A2" s="3102" t="s">
        <v>11</v>
      </c>
      <c r="B2" s="3102" t="s">
        <v>38</v>
      </c>
      <c r="C2" s="3102" t="s">
        <v>38</v>
      </c>
      <c r="D2" s="3102" t="s">
        <v>38</v>
      </c>
      <c r="E2" s="3102" t="s">
        <v>38</v>
      </c>
      <c r="F2" s="3102" t="s">
        <v>38</v>
      </c>
      <c r="G2" s="3102" t="s">
        <v>38</v>
      </c>
    </row>
    <row r="3" spans="1:7" ht="30" customHeight="1" x14ac:dyDescent="0.25">
      <c r="A3" s="3124" t="s">
        <v>96</v>
      </c>
      <c r="B3" s="3124" t="s">
        <v>38</v>
      </c>
      <c r="C3" s="3124" t="s">
        <v>38</v>
      </c>
      <c r="D3" s="3124" t="s">
        <v>38</v>
      </c>
      <c r="E3" s="3124" t="s">
        <v>38</v>
      </c>
      <c r="F3" s="3124" t="s">
        <v>38</v>
      </c>
      <c r="G3" s="3124" t="s">
        <v>38</v>
      </c>
    </row>
    <row r="4" spans="1:7" ht="12" customHeight="1" x14ac:dyDescent="0.25">
      <c r="A4" s="3125" t="s">
        <v>97</v>
      </c>
      <c r="B4" s="3125" t="s">
        <v>38</v>
      </c>
      <c r="C4" s="3125" t="s">
        <v>38</v>
      </c>
      <c r="D4" s="3125" t="s">
        <v>38</v>
      </c>
      <c r="E4" s="3125" t="s">
        <v>38</v>
      </c>
      <c r="F4" s="3125" t="s">
        <v>38</v>
      </c>
      <c r="G4" s="3125" t="s">
        <v>38</v>
      </c>
    </row>
    <row r="5" spans="1:7" ht="15" customHeight="1" x14ac:dyDescent="0.25">
      <c r="A5" s="3126" t="s">
        <v>98</v>
      </c>
      <c r="B5" s="3126" t="s">
        <v>38</v>
      </c>
      <c r="C5" s="3127" t="s">
        <v>38</v>
      </c>
      <c r="D5" s="3128" t="s">
        <v>2</v>
      </c>
      <c r="E5" s="3129" t="s">
        <v>38</v>
      </c>
      <c r="F5" s="3130" t="s">
        <v>100</v>
      </c>
      <c r="G5" s="3131" t="s">
        <v>38</v>
      </c>
    </row>
    <row r="6" spans="1:7" ht="20.149999999999999" customHeight="1" x14ac:dyDescent="0.25">
      <c r="A6" s="80" t="s">
        <v>101</v>
      </c>
      <c r="B6" s="81" t="s">
        <v>102</v>
      </c>
      <c r="C6" s="82" t="s">
        <v>103</v>
      </c>
      <c r="D6" s="83" t="s">
        <v>104</v>
      </c>
      <c r="E6" s="84" t="s">
        <v>105</v>
      </c>
      <c r="F6" s="85" t="s">
        <v>106</v>
      </c>
      <c r="G6" s="86" t="s">
        <v>107</v>
      </c>
    </row>
    <row r="7" spans="1:7" ht="15" customHeight="1" x14ac:dyDescent="0.25">
      <c r="A7" s="87" t="s">
        <v>108</v>
      </c>
      <c r="B7" s="88">
        <v>1</v>
      </c>
      <c r="C7" s="89" t="s">
        <v>109</v>
      </c>
      <c r="D7" s="90"/>
      <c r="E7" s="91"/>
      <c r="F7" s="90">
        <v>14</v>
      </c>
      <c r="G7" s="1561"/>
    </row>
    <row r="8" spans="1:7" ht="15" customHeight="1" x14ac:dyDescent="0.25">
      <c r="A8" s="92"/>
      <c r="B8" s="93">
        <v>2</v>
      </c>
      <c r="C8" s="94" t="s">
        <v>110</v>
      </c>
      <c r="D8" s="95"/>
      <c r="E8" s="96"/>
      <c r="F8" s="95" t="s">
        <v>111</v>
      </c>
      <c r="G8" s="1562"/>
    </row>
    <row r="9" spans="1:7" ht="15" customHeight="1" x14ac:dyDescent="0.25">
      <c r="A9" s="92"/>
      <c r="B9" s="93">
        <v>3</v>
      </c>
      <c r="C9" s="94" t="s">
        <v>112</v>
      </c>
      <c r="D9" s="95"/>
      <c r="E9" s="96"/>
      <c r="F9" s="95" t="s">
        <v>113</v>
      </c>
      <c r="G9" s="1562"/>
    </row>
    <row r="10" spans="1:7" ht="19" customHeight="1" x14ac:dyDescent="0.25">
      <c r="A10" s="97"/>
      <c r="B10" s="98">
        <v>4</v>
      </c>
      <c r="C10" s="99" t="s">
        <v>114</v>
      </c>
      <c r="D10" s="100" t="s">
        <v>721</v>
      </c>
      <c r="E10" s="101"/>
      <c r="F10" s="100" t="s">
        <v>115</v>
      </c>
      <c r="G10" s="1563"/>
    </row>
    <row r="11" spans="1:7" ht="15" customHeight="1" x14ac:dyDescent="0.25">
      <c r="A11" s="3121" t="s">
        <v>116</v>
      </c>
      <c r="B11" s="88">
        <v>5</v>
      </c>
      <c r="C11" s="89" t="s">
        <v>117</v>
      </c>
      <c r="D11" s="90"/>
      <c r="E11" s="91"/>
      <c r="F11" s="90" t="s">
        <v>118</v>
      </c>
      <c r="G11" s="1561"/>
    </row>
    <row r="12" spans="1:7" ht="15" customHeight="1" x14ac:dyDescent="0.25">
      <c r="A12" s="3122" t="s">
        <v>38</v>
      </c>
      <c r="B12" s="93">
        <v>6</v>
      </c>
      <c r="C12" s="94" t="s">
        <v>722</v>
      </c>
      <c r="D12" s="95"/>
      <c r="E12" s="96"/>
      <c r="F12" s="95" t="s">
        <v>111</v>
      </c>
      <c r="G12" s="1562"/>
    </row>
    <row r="13" spans="1:7" ht="15" customHeight="1" x14ac:dyDescent="0.25">
      <c r="A13" s="3122" t="s">
        <v>38</v>
      </c>
      <c r="B13" s="93">
        <v>7</v>
      </c>
      <c r="C13" s="94" t="s">
        <v>119</v>
      </c>
      <c r="D13" s="95"/>
      <c r="E13" s="96"/>
      <c r="F13" s="95">
        <v>79</v>
      </c>
      <c r="G13" s="1562"/>
    </row>
    <row r="14" spans="1:7" ht="21" customHeight="1" x14ac:dyDescent="0.25">
      <c r="A14" s="102"/>
      <c r="B14" s="98">
        <v>8</v>
      </c>
      <c r="C14" s="99" t="s">
        <v>120</v>
      </c>
      <c r="D14" s="103"/>
      <c r="E14" s="104"/>
      <c r="F14" s="103" t="s">
        <v>121</v>
      </c>
      <c r="G14" s="1564"/>
    </row>
    <row r="15" spans="1:7" ht="20.25" customHeight="1" x14ac:dyDescent="0.25">
      <c r="A15" s="3132" t="s">
        <v>122</v>
      </c>
      <c r="B15" s="88">
        <v>9</v>
      </c>
      <c r="C15" s="89" t="s">
        <v>123</v>
      </c>
      <c r="D15" s="105" t="s">
        <v>723</v>
      </c>
      <c r="E15" s="3084" t="s">
        <v>878</v>
      </c>
      <c r="F15" s="90" t="s">
        <v>125</v>
      </c>
      <c r="G15" s="1561">
        <v>206</v>
      </c>
    </row>
    <row r="16" spans="1:7" ht="15" customHeight="1" x14ac:dyDescent="0.25">
      <c r="A16" s="3133"/>
      <c r="B16" s="93">
        <v>10</v>
      </c>
      <c r="C16" s="94" t="s">
        <v>126</v>
      </c>
      <c r="D16" s="106" t="s">
        <v>724</v>
      </c>
      <c r="E16" s="107" t="s">
        <v>879</v>
      </c>
      <c r="F16" s="95">
        <v>58</v>
      </c>
      <c r="G16" s="1562"/>
    </row>
    <row r="17" spans="1:7" ht="15" customHeight="1" x14ac:dyDescent="0.25">
      <c r="A17" s="3133"/>
      <c r="B17" s="93"/>
      <c r="C17" s="94" t="s">
        <v>127</v>
      </c>
      <c r="D17" s="106"/>
      <c r="E17" s="107" t="s">
        <v>880</v>
      </c>
      <c r="F17" s="95"/>
      <c r="G17" s="1562"/>
    </row>
    <row r="18" spans="1:7" ht="15" customHeight="1" x14ac:dyDescent="0.25">
      <c r="A18" s="3133"/>
      <c r="B18" s="93">
        <v>11</v>
      </c>
      <c r="C18" s="94" t="s">
        <v>128</v>
      </c>
      <c r="D18" s="106" t="s">
        <v>723</v>
      </c>
      <c r="E18" s="107">
        <v>78</v>
      </c>
      <c r="F18" s="95" t="s">
        <v>129</v>
      </c>
      <c r="G18" s="1562"/>
    </row>
    <row r="19" spans="1:7" ht="9.75" customHeight="1" x14ac:dyDescent="0.25">
      <c r="A19" s="3133"/>
      <c r="B19" s="93"/>
      <c r="C19" s="94" t="s">
        <v>130</v>
      </c>
      <c r="D19" s="106"/>
      <c r="E19" s="107"/>
      <c r="F19" s="95"/>
      <c r="G19" s="1562"/>
    </row>
    <row r="20" spans="1:7" ht="15" customHeight="1" x14ac:dyDescent="0.25">
      <c r="A20" s="3133"/>
      <c r="B20" s="93">
        <v>12</v>
      </c>
      <c r="C20" s="94" t="s">
        <v>131</v>
      </c>
      <c r="D20" s="106"/>
      <c r="E20" s="107"/>
      <c r="F20" s="95" t="s">
        <v>125</v>
      </c>
      <c r="G20" s="1562"/>
    </row>
    <row r="21" spans="1:7" ht="15" customHeight="1" x14ac:dyDescent="0.25">
      <c r="A21" s="108"/>
      <c r="B21" s="93">
        <v>13</v>
      </c>
      <c r="C21" s="94" t="s">
        <v>725</v>
      </c>
      <c r="D21" s="106"/>
      <c r="E21" s="107" t="s">
        <v>881</v>
      </c>
      <c r="F21" s="95" t="s">
        <v>132</v>
      </c>
      <c r="G21" s="1562" t="s">
        <v>133</v>
      </c>
    </row>
    <row r="22" spans="1:7" ht="15" customHeight="1" x14ac:dyDescent="0.25">
      <c r="A22" s="108"/>
      <c r="B22" s="93">
        <v>14</v>
      </c>
      <c r="C22" s="94" t="s">
        <v>134</v>
      </c>
      <c r="D22" s="106"/>
      <c r="E22" s="109" t="s">
        <v>882</v>
      </c>
      <c r="F22" s="95" t="s">
        <v>135</v>
      </c>
      <c r="G22" s="1562" t="s">
        <v>136</v>
      </c>
    </row>
    <row r="23" spans="1:7" ht="15" customHeight="1" x14ac:dyDescent="0.25">
      <c r="A23" s="108"/>
      <c r="B23" s="93">
        <v>15</v>
      </c>
      <c r="C23" s="94" t="s">
        <v>137</v>
      </c>
      <c r="D23" s="106" t="s">
        <v>726</v>
      </c>
      <c r="E23" s="109" t="s">
        <v>883</v>
      </c>
      <c r="F23" s="95" t="s">
        <v>135</v>
      </c>
      <c r="G23" s="1562">
        <v>224</v>
      </c>
    </row>
    <row r="24" spans="1:7" ht="21" customHeight="1" x14ac:dyDescent="0.25">
      <c r="A24" s="108"/>
      <c r="B24" s="93">
        <v>16</v>
      </c>
      <c r="C24" s="94" t="s">
        <v>138</v>
      </c>
      <c r="D24" s="106"/>
      <c r="E24" s="107" t="s">
        <v>884</v>
      </c>
      <c r="F24" s="95" t="s">
        <v>135</v>
      </c>
      <c r="G24" s="1562"/>
    </row>
    <row r="25" spans="1:7" ht="21" customHeight="1" x14ac:dyDescent="0.25">
      <c r="A25" s="110"/>
      <c r="B25" s="98">
        <v>17</v>
      </c>
      <c r="C25" s="99" t="s">
        <v>139</v>
      </c>
      <c r="D25" s="111"/>
      <c r="E25" s="112">
        <v>85</v>
      </c>
      <c r="F25" s="103" t="s">
        <v>140</v>
      </c>
      <c r="G25" s="1564"/>
    </row>
    <row r="26" spans="1:7" ht="15" customHeight="1" x14ac:dyDescent="0.25">
      <c r="A26" s="113" t="s">
        <v>141</v>
      </c>
      <c r="B26" s="88">
        <v>18</v>
      </c>
      <c r="C26" s="89" t="s">
        <v>142</v>
      </c>
      <c r="D26" s="90" t="s">
        <v>727</v>
      </c>
      <c r="E26" s="91"/>
      <c r="F26" s="90" t="s">
        <v>143</v>
      </c>
      <c r="G26" s="1561"/>
    </row>
    <row r="27" spans="1:7" ht="15" customHeight="1" x14ac:dyDescent="0.25">
      <c r="A27" s="108"/>
      <c r="B27" s="93">
        <v>19</v>
      </c>
      <c r="C27" s="94" t="s">
        <v>144</v>
      </c>
      <c r="D27" s="95" t="s">
        <v>727</v>
      </c>
      <c r="E27" s="96"/>
      <c r="F27" s="95">
        <v>99</v>
      </c>
      <c r="G27" s="1562"/>
    </row>
    <row r="28" spans="1:7" ht="20.149999999999999" customHeight="1" x14ac:dyDescent="0.25">
      <c r="A28" s="108"/>
      <c r="B28" s="93">
        <v>20</v>
      </c>
      <c r="C28" s="94" t="s">
        <v>145</v>
      </c>
      <c r="D28" s="95" t="s">
        <v>728</v>
      </c>
      <c r="E28" s="96"/>
      <c r="F28" s="95" t="s">
        <v>146</v>
      </c>
      <c r="G28" s="1562"/>
    </row>
    <row r="29" spans="1:7" ht="15" customHeight="1" x14ac:dyDescent="0.25">
      <c r="A29" s="110"/>
      <c r="B29" s="98">
        <v>21</v>
      </c>
      <c r="C29" s="99" t="s">
        <v>147</v>
      </c>
      <c r="D29" s="103" t="s">
        <v>124</v>
      </c>
      <c r="E29" s="104"/>
      <c r="F29" s="103" t="s">
        <v>148</v>
      </c>
      <c r="G29" s="1564"/>
    </row>
    <row r="30" spans="1:7" ht="19.5" customHeight="1" x14ac:dyDescent="0.25">
      <c r="A30" s="114" t="s">
        <v>149</v>
      </c>
      <c r="B30" s="88">
        <v>22</v>
      </c>
      <c r="C30" s="89" t="s">
        <v>150</v>
      </c>
      <c r="D30" s="90" t="s">
        <v>729</v>
      </c>
      <c r="E30" s="91"/>
      <c r="F30" s="90">
        <v>96</v>
      </c>
      <c r="G30" s="1561"/>
    </row>
    <row r="31" spans="1:7" ht="19.5" customHeight="1" x14ac:dyDescent="0.25">
      <c r="A31" s="108"/>
      <c r="B31" s="93">
        <v>23</v>
      </c>
      <c r="C31" s="94" t="s">
        <v>151</v>
      </c>
      <c r="D31" s="95">
        <v>84</v>
      </c>
      <c r="E31" s="96"/>
      <c r="F31" s="95" t="s">
        <v>152</v>
      </c>
      <c r="G31" s="1562" t="s">
        <v>153</v>
      </c>
    </row>
    <row r="32" spans="1:7" ht="19.5" customHeight="1" x14ac:dyDescent="0.25">
      <c r="A32" s="108"/>
      <c r="B32" s="93">
        <v>24</v>
      </c>
      <c r="C32" s="94" t="s">
        <v>154</v>
      </c>
      <c r="D32" s="95" t="s">
        <v>730</v>
      </c>
      <c r="E32" s="96"/>
      <c r="F32" s="95" t="s">
        <v>152</v>
      </c>
      <c r="G32" s="1562" t="s">
        <v>153</v>
      </c>
    </row>
    <row r="33" spans="1:7" ht="19.5" customHeight="1" x14ac:dyDescent="0.25">
      <c r="A33" s="110"/>
      <c r="B33" s="98">
        <v>25</v>
      </c>
      <c r="C33" s="99" t="s">
        <v>155</v>
      </c>
      <c r="D33" s="103"/>
      <c r="E33" s="104"/>
      <c r="F33" s="103" t="s">
        <v>152</v>
      </c>
      <c r="G33" s="1564">
        <v>229</v>
      </c>
    </row>
    <row r="34" spans="1:7" ht="15" customHeight="1" x14ac:dyDescent="0.25">
      <c r="A34" s="113" t="s">
        <v>156</v>
      </c>
      <c r="B34" s="88">
        <v>26</v>
      </c>
      <c r="C34" s="89" t="s">
        <v>157</v>
      </c>
      <c r="D34" s="90"/>
      <c r="E34" s="91" t="s">
        <v>885</v>
      </c>
      <c r="F34" s="90" t="s">
        <v>158</v>
      </c>
      <c r="G34" s="1561" t="s">
        <v>159</v>
      </c>
    </row>
    <row r="35" spans="1:7" ht="20.25" customHeight="1" x14ac:dyDescent="0.25">
      <c r="A35" s="108"/>
      <c r="B35" s="93">
        <v>27</v>
      </c>
      <c r="C35" s="94" t="s">
        <v>160</v>
      </c>
      <c r="D35" s="95"/>
      <c r="E35" s="96"/>
      <c r="F35" s="95"/>
      <c r="G35" s="1562" t="s">
        <v>161</v>
      </c>
    </row>
    <row r="36" spans="1:7" ht="20.25" customHeight="1" x14ac:dyDescent="0.25">
      <c r="A36" s="108"/>
      <c r="B36" s="93">
        <v>28</v>
      </c>
      <c r="C36" s="94" t="s">
        <v>162</v>
      </c>
      <c r="D36" s="95">
        <v>67</v>
      </c>
      <c r="E36" s="96" t="s">
        <v>886</v>
      </c>
      <c r="F36" s="95" t="s">
        <v>163</v>
      </c>
      <c r="G36" s="1562">
        <v>187</v>
      </c>
    </row>
    <row r="37" spans="1:7" ht="15" customHeight="1" x14ac:dyDescent="0.25">
      <c r="A37" s="108"/>
      <c r="B37" s="93">
        <v>29</v>
      </c>
      <c r="C37" s="94" t="s">
        <v>164</v>
      </c>
      <c r="D37" s="95" t="s">
        <v>731</v>
      </c>
      <c r="E37" s="96">
        <v>86</v>
      </c>
      <c r="F37" s="95" t="s">
        <v>165</v>
      </c>
      <c r="G37" s="1562" t="s">
        <v>166</v>
      </c>
    </row>
    <row r="38" spans="1:7" ht="18" customHeight="1" x14ac:dyDescent="0.25">
      <c r="A38" s="110"/>
      <c r="B38" s="98">
        <v>30</v>
      </c>
      <c r="C38" s="99" t="s">
        <v>167</v>
      </c>
      <c r="D38" s="103" t="s">
        <v>726</v>
      </c>
      <c r="E38" s="104"/>
      <c r="F38" s="103" t="s">
        <v>168</v>
      </c>
      <c r="G38" s="1564"/>
    </row>
    <row r="39" spans="1:7" ht="15" customHeight="1" x14ac:dyDescent="0.25">
      <c r="A39" s="87" t="s">
        <v>169</v>
      </c>
      <c r="B39" s="88">
        <v>31</v>
      </c>
      <c r="C39" s="89" t="s">
        <v>170</v>
      </c>
      <c r="D39" s="90"/>
      <c r="E39" s="91"/>
      <c r="F39" s="90" t="s">
        <v>171</v>
      </c>
      <c r="G39" s="1561"/>
    </row>
    <row r="40" spans="1:7" ht="15" customHeight="1" x14ac:dyDescent="0.25">
      <c r="A40" s="97"/>
      <c r="B40" s="98">
        <v>32</v>
      </c>
      <c r="C40" s="99" t="s">
        <v>172</v>
      </c>
      <c r="D40" s="103">
        <v>50</v>
      </c>
      <c r="E40" s="104"/>
      <c r="F40" s="103">
        <v>71</v>
      </c>
      <c r="G40" s="1564"/>
    </row>
    <row r="41" spans="1:7" ht="8.15" customHeight="1" x14ac:dyDescent="0.25">
      <c r="A41" s="3123"/>
      <c r="B41" s="3123" t="s">
        <v>38</v>
      </c>
      <c r="C41" s="3123" t="s">
        <v>38</v>
      </c>
      <c r="D41" s="3123" t="s">
        <v>38</v>
      </c>
      <c r="E41" s="3123" t="s">
        <v>38</v>
      </c>
      <c r="F41" s="3123" t="s">
        <v>38</v>
      </c>
      <c r="G41" s="3123" t="s">
        <v>38</v>
      </c>
    </row>
  </sheetData>
  <mergeCells count="9">
    <mergeCell ref="A11:A13"/>
    <mergeCell ref="A41:G41"/>
    <mergeCell ref="A2:G2"/>
    <mergeCell ref="A3:G3"/>
    <mergeCell ref="A4:G4"/>
    <mergeCell ref="A5:C5"/>
    <mergeCell ref="D5:E5"/>
    <mergeCell ref="F5:G5"/>
    <mergeCell ref="A15:A20"/>
  </mergeCells>
  <hyperlinks>
    <hyperlink ref="A1" location="TDM!A1" display=" Retour à la table des matières" xr:uid="{859B9AC4-AF27-4BA1-BBF3-ED03E8915D2F}"/>
  </hyperlinks>
  <printOptions horizontalCentered="1"/>
  <pageMargins left="0.51181102362204722" right="0.51181102362204722" top="0.51181102362204722" bottom="0.51181102362204722" header="0.23622047244094491" footer="0.23622047244094491"/>
  <pageSetup scale="73" orientation="landscape" r:id="rId1"/>
  <headerFooter>
    <oddFooter>&amp;L&amp;G&amp;C&amp;"Scotia,Regular"&amp;9Informations financières supplémentaires (IFS)&amp;R&amp;"Scotia,Regular"&amp;9&amp;A</oddFooter>
  </headerFooter>
  <legacyDrawingHF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E515BD0-E60D-4F0F-85A3-18152AB71755}">
  <sheetPr>
    <pageSetUpPr fitToPage="1"/>
  </sheetPr>
  <dimension ref="A1:N59"/>
  <sheetViews>
    <sheetView showGridLines="0" zoomScale="130" zoomScaleNormal="130" workbookViewId="0"/>
  </sheetViews>
  <sheetFormatPr defaultColWidth="8.7265625" defaultRowHeight="12.5" x14ac:dyDescent="0.25"/>
  <cols>
    <col min="1" max="1" width="86.1796875" style="25" customWidth="1"/>
    <col min="2" max="2" width="10.1796875" style="25" bestFit="1" customWidth="1"/>
    <col min="3" max="10" width="10.453125" style="25" customWidth="1"/>
    <col min="11" max="11" width="9.7265625" style="25" customWidth="1"/>
    <col min="12" max="12" width="11" style="25" customWidth="1"/>
    <col min="13" max="14" width="9.7265625" style="25" customWidth="1"/>
    <col min="15" max="16384" width="8.7265625" style="25"/>
  </cols>
  <sheetData>
    <row r="1" spans="1:14" ht="20.149999999999999" customHeight="1" x14ac:dyDescent="0.25">
      <c r="A1" s="24" t="s">
        <v>567</v>
      </c>
    </row>
    <row r="2" spans="1:14" ht="24.65" customHeight="1" x14ac:dyDescent="0.25">
      <c r="A2" s="3136" t="s">
        <v>13</v>
      </c>
      <c r="B2" s="3136" t="s">
        <v>38</v>
      </c>
      <c r="C2" s="3136" t="s">
        <v>38</v>
      </c>
      <c r="D2" s="3136" t="s">
        <v>38</v>
      </c>
      <c r="E2" s="3136" t="s">
        <v>38</v>
      </c>
      <c r="F2" s="3136" t="s">
        <v>38</v>
      </c>
      <c r="G2" s="3136" t="s">
        <v>38</v>
      </c>
      <c r="H2" s="3136" t="s">
        <v>38</v>
      </c>
      <c r="I2" s="3136" t="s">
        <v>38</v>
      </c>
      <c r="J2" s="3136" t="s">
        <v>38</v>
      </c>
      <c r="K2" s="3136" t="s">
        <v>38</v>
      </c>
      <c r="L2" s="3136" t="s">
        <v>38</v>
      </c>
      <c r="M2" s="3136" t="s">
        <v>38</v>
      </c>
      <c r="N2" s="3136" t="s">
        <v>38</v>
      </c>
    </row>
    <row r="3" spans="1:14" ht="13.4" customHeight="1" x14ac:dyDescent="0.25">
      <c r="A3" s="115"/>
      <c r="B3" s="3137" t="s">
        <v>174</v>
      </c>
      <c r="C3" s="3138" t="s">
        <v>38</v>
      </c>
      <c r="D3" s="3139">
        <v>2022</v>
      </c>
      <c r="E3" s="3140" t="s">
        <v>38</v>
      </c>
      <c r="F3" s="3140" t="s">
        <v>38</v>
      </c>
      <c r="G3" s="3141" t="s">
        <v>38</v>
      </c>
      <c r="H3" s="3139">
        <v>2021</v>
      </c>
      <c r="I3" s="3140" t="s">
        <v>38</v>
      </c>
      <c r="J3" s="3140" t="s">
        <v>38</v>
      </c>
      <c r="K3" s="3142" t="s">
        <v>716</v>
      </c>
      <c r="L3" s="3143" t="s">
        <v>38</v>
      </c>
      <c r="M3" s="3140" t="s">
        <v>717</v>
      </c>
      <c r="N3" s="3140" t="s">
        <v>38</v>
      </c>
    </row>
    <row r="4" spans="1:14" ht="15" customHeight="1" x14ac:dyDescent="0.25">
      <c r="A4" s="116" t="s">
        <v>175</v>
      </c>
      <c r="B4" s="117" t="s">
        <v>49</v>
      </c>
      <c r="C4" s="118" t="s">
        <v>45</v>
      </c>
      <c r="D4" s="119" t="s">
        <v>569</v>
      </c>
      <c r="E4" s="120" t="s">
        <v>570</v>
      </c>
      <c r="F4" s="120" t="s">
        <v>49</v>
      </c>
      <c r="G4" s="118" t="s">
        <v>45</v>
      </c>
      <c r="H4" s="119" t="s">
        <v>569</v>
      </c>
      <c r="I4" s="120" t="s">
        <v>570</v>
      </c>
      <c r="J4" s="120" t="s">
        <v>49</v>
      </c>
      <c r="K4" s="121" t="s">
        <v>179</v>
      </c>
      <c r="L4" s="122">
        <v>2022</v>
      </c>
      <c r="M4" s="123">
        <v>2022</v>
      </c>
      <c r="N4" s="123">
        <v>2021</v>
      </c>
    </row>
    <row r="5" spans="1:14" ht="15" customHeight="1" x14ac:dyDescent="0.25">
      <c r="A5" s="124" t="s">
        <v>686</v>
      </c>
      <c r="B5" s="125"/>
      <c r="C5" s="126"/>
      <c r="D5" s="127"/>
      <c r="E5" s="125"/>
      <c r="F5" s="125"/>
      <c r="G5" s="128"/>
      <c r="H5" s="127"/>
      <c r="I5" s="125"/>
      <c r="J5" s="125"/>
      <c r="K5" s="129"/>
      <c r="L5" s="130"/>
      <c r="M5" s="125"/>
      <c r="N5" s="125"/>
    </row>
    <row r="6" spans="1:14" ht="15" customHeight="1" x14ac:dyDescent="0.25">
      <c r="A6" s="131" t="s">
        <v>54</v>
      </c>
      <c r="B6" s="1565">
        <v>2159</v>
      </c>
      <c r="C6" s="1566">
        <v>1772</v>
      </c>
      <c r="D6" s="1567">
        <v>2093</v>
      </c>
      <c r="E6" s="1568">
        <v>2594</v>
      </c>
      <c r="F6" s="1568">
        <v>2747</v>
      </c>
      <c r="G6" s="1566">
        <v>2740</v>
      </c>
      <c r="H6" s="1567">
        <v>2559</v>
      </c>
      <c r="I6" s="1568">
        <v>2542</v>
      </c>
      <c r="J6" s="1568">
        <v>2456</v>
      </c>
      <c r="K6" s="1569">
        <v>3931</v>
      </c>
      <c r="L6" s="1570">
        <v>5487</v>
      </c>
      <c r="M6" s="1568">
        <v>10174</v>
      </c>
      <c r="N6" s="1568">
        <v>9955</v>
      </c>
    </row>
    <row r="7" spans="1:14" ht="15" customHeight="1" x14ac:dyDescent="0.25">
      <c r="A7" s="131" t="s">
        <v>573</v>
      </c>
      <c r="B7" s="1565">
        <v>2029</v>
      </c>
      <c r="C7" s="1566">
        <v>1631</v>
      </c>
      <c r="D7" s="1567">
        <v>1949</v>
      </c>
      <c r="E7" s="1568">
        <v>2504</v>
      </c>
      <c r="F7" s="1568">
        <v>2595</v>
      </c>
      <c r="G7" s="1566">
        <v>2608</v>
      </c>
      <c r="H7" s="1567">
        <v>2411</v>
      </c>
      <c r="I7" s="1568">
        <v>2426</v>
      </c>
      <c r="J7" s="1568">
        <v>2289</v>
      </c>
      <c r="K7" s="1569">
        <v>3660</v>
      </c>
      <c r="L7" s="1570">
        <v>5203</v>
      </c>
      <c r="M7" s="1568">
        <v>9656</v>
      </c>
      <c r="N7" s="1568">
        <v>9391</v>
      </c>
    </row>
    <row r="8" spans="1:14" ht="15" customHeight="1" x14ac:dyDescent="0.25">
      <c r="A8" s="131" t="s">
        <v>180</v>
      </c>
      <c r="B8" s="1571">
        <v>1.7</v>
      </c>
      <c r="C8" s="1572">
        <v>1.37</v>
      </c>
      <c r="D8" s="1573">
        <v>1.64</v>
      </c>
      <c r="E8" s="1574">
        <v>2.1</v>
      </c>
      <c r="F8" s="1574">
        <v>2.16</v>
      </c>
      <c r="G8" s="1572">
        <v>2.15</v>
      </c>
      <c r="H8" s="1573">
        <v>1.98</v>
      </c>
      <c r="I8" s="1574">
        <v>2</v>
      </c>
      <c r="J8" s="1574">
        <v>1.89</v>
      </c>
      <c r="K8" s="1575">
        <v>3.07</v>
      </c>
      <c r="L8" s="1576">
        <v>4.32</v>
      </c>
      <c r="M8" s="1574">
        <v>8.0500000000000007</v>
      </c>
      <c r="N8" s="1574">
        <v>7.74</v>
      </c>
    </row>
    <row r="9" spans="1:14" ht="15" customHeight="1" x14ac:dyDescent="0.25">
      <c r="A9" s="131" t="s">
        <v>181</v>
      </c>
      <c r="B9" s="1571">
        <v>1.69</v>
      </c>
      <c r="C9" s="1572">
        <v>1.36</v>
      </c>
      <c r="D9" s="1573">
        <v>1.63</v>
      </c>
      <c r="E9" s="1574">
        <v>2.09</v>
      </c>
      <c r="F9" s="1574">
        <v>2.16</v>
      </c>
      <c r="G9" s="1572">
        <v>2.14</v>
      </c>
      <c r="H9" s="1573">
        <v>1.97</v>
      </c>
      <c r="I9" s="1574">
        <v>1.99</v>
      </c>
      <c r="J9" s="1574">
        <v>1.88</v>
      </c>
      <c r="K9" s="1575">
        <v>3.04</v>
      </c>
      <c r="L9" s="1576">
        <v>4.3</v>
      </c>
      <c r="M9" s="1574">
        <v>8.02</v>
      </c>
      <c r="N9" s="1574">
        <v>7.7</v>
      </c>
    </row>
    <row r="10" spans="1:14" ht="15" customHeight="1" x14ac:dyDescent="0.25">
      <c r="A10" s="131" t="s">
        <v>594</v>
      </c>
      <c r="B10" s="1577">
        <v>12.3</v>
      </c>
      <c r="C10" s="1578">
        <v>9.9</v>
      </c>
      <c r="D10" s="1579">
        <v>11.9</v>
      </c>
      <c r="E10" s="1580">
        <v>15.3</v>
      </c>
      <c r="F10" s="1580">
        <v>16.2</v>
      </c>
      <c r="G10" s="1578">
        <v>15.8</v>
      </c>
      <c r="H10" s="1579">
        <v>14.8</v>
      </c>
      <c r="I10" s="1580">
        <v>15</v>
      </c>
      <c r="J10" s="1580">
        <v>14.8</v>
      </c>
      <c r="K10" s="1581">
        <v>11.1</v>
      </c>
      <c r="L10" s="1582">
        <v>16.100000000000001</v>
      </c>
      <c r="M10" s="1580">
        <v>14.8</v>
      </c>
      <c r="N10" s="1580">
        <v>14.7</v>
      </c>
    </row>
    <row r="11" spans="1:14" ht="15" customHeight="1" x14ac:dyDescent="0.25">
      <c r="A11" s="131" t="s">
        <v>595</v>
      </c>
      <c r="B11" s="1571">
        <v>2.13</v>
      </c>
      <c r="C11" s="1572">
        <v>2.11</v>
      </c>
      <c r="D11" s="1573">
        <v>2.1800000000000002</v>
      </c>
      <c r="E11" s="1574">
        <v>2.2200000000000002</v>
      </c>
      <c r="F11" s="1574">
        <v>2.23</v>
      </c>
      <c r="G11" s="1572">
        <v>2.16</v>
      </c>
      <c r="H11" s="1573">
        <v>2.17</v>
      </c>
      <c r="I11" s="1574">
        <v>2.23</v>
      </c>
      <c r="J11" s="1574">
        <v>2.2599999999999998</v>
      </c>
      <c r="K11" s="1575">
        <v>2.12</v>
      </c>
      <c r="L11" s="1576">
        <v>2.2000000000000002</v>
      </c>
      <c r="M11" s="1574">
        <v>2.2000000000000002</v>
      </c>
      <c r="N11" s="1574">
        <v>2.23</v>
      </c>
    </row>
    <row r="12" spans="1:14" ht="15" customHeight="1" x14ac:dyDescent="0.25">
      <c r="A12" s="131" t="s">
        <v>596</v>
      </c>
      <c r="B12" s="1577">
        <v>57.7</v>
      </c>
      <c r="C12" s="1578">
        <v>55.9</v>
      </c>
      <c r="D12" s="1579">
        <v>59.4</v>
      </c>
      <c r="E12" s="1580">
        <v>53.7</v>
      </c>
      <c r="F12" s="1580">
        <v>52.4</v>
      </c>
      <c r="G12" s="1578">
        <v>52.5</v>
      </c>
      <c r="H12" s="1579">
        <v>55.6</v>
      </c>
      <c r="I12" s="1580">
        <v>52.8</v>
      </c>
      <c r="J12" s="1580">
        <v>52.2</v>
      </c>
      <c r="K12" s="1581">
        <v>56.8</v>
      </c>
      <c r="L12" s="1582">
        <v>52.4</v>
      </c>
      <c r="M12" s="1580">
        <v>54.4</v>
      </c>
      <c r="N12" s="1580">
        <v>53.2</v>
      </c>
    </row>
    <row r="13" spans="1:14" ht="15" customHeight="1" x14ac:dyDescent="0.25">
      <c r="A13" s="131" t="s">
        <v>597</v>
      </c>
      <c r="B13" s="1577">
        <v>18.399999999999999</v>
      </c>
      <c r="C13" s="1578">
        <v>38.4</v>
      </c>
      <c r="D13" s="1579">
        <v>18.5</v>
      </c>
      <c r="E13" s="1580">
        <v>18.8</v>
      </c>
      <c r="F13" s="1580">
        <v>22.9</v>
      </c>
      <c r="G13" s="1578">
        <v>24</v>
      </c>
      <c r="H13" s="1579">
        <v>21.2</v>
      </c>
      <c r="I13" s="1580">
        <v>22.5</v>
      </c>
      <c r="J13" s="1580">
        <v>23.2</v>
      </c>
      <c r="K13" s="1581">
        <v>28.8</v>
      </c>
      <c r="L13" s="1582">
        <v>23.4</v>
      </c>
      <c r="M13" s="1580">
        <v>21.3</v>
      </c>
      <c r="N13" s="1580">
        <v>22.4</v>
      </c>
    </row>
    <row r="14" spans="1:14" ht="15" customHeight="1" x14ac:dyDescent="0.25">
      <c r="A14" s="132" t="s">
        <v>687</v>
      </c>
      <c r="B14" s="1583"/>
      <c r="C14" s="1584"/>
      <c r="D14" s="1585"/>
      <c r="E14" s="1586"/>
      <c r="F14" s="1586"/>
      <c r="G14" s="1584"/>
      <c r="H14" s="1585"/>
      <c r="I14" s="1586"/>
      <c r="J14" s="1586"/>
      <c r="K14" s="1587"/>
      <c r="L14" s="1588"/>
      <c r="M14" s="1586"/>
      <c r="N14" s="1586"/>
    </row>
    <row r="15" spans="1:14" ht="15" customHeight="1" x14ac:dyDescent="0.25">
      <c r="A15" s="131" t="s">
        <v>54</v>
      </c>
      <c r="B15" s="1565">
        <v>2174</v>
      </c>
      <c r="C15" s="1566">
        <v>2366</v>
      </c>
      <c r="D15" s="1567">
        <v>2615</v>
      </c>
      <c r="E15" s="1568">
        <v>2611</v>
      </c>
      <c r="F15" s="1568">
        <v>2765</v>
      </c>
      <c r="G15" s="1566">
        <v>2758</v>
      </c>
      <c r="H15" s="1567">
        <v>2716</v>
      </c>
      <c r="I15" s="1568">
        <v>2560</v>
      </c>
      <c r="J15" s="1568">
        <v>2475</v>
      </c>
      <c r="K15" s="1569">
        <v>4540</v>
      </c>
      <c r="L15" s="1570">
        <v>5523</v>
      </c>
      <c r="M15" s="1568">
        <v>10749</v>
      </c>
      <c r="N15" s="1568">
        <v>10169</v>
      </c>
    </row>
    <row r="16" spans="1:14" ht="15" customHeight="1" x14ac:dyDescent="0.25">
      <c r="A16" s="131" t="s">
        <v>183</v>
      </c>
      <c r="B16" s="1565">
        <v>2033</v>
      </c>
      <c r="C16" s="1566">
        <v>2239</v>
      </c>
      <c r="D16" s="1567">
        <v>2474</v>
      </c>
      <c r="E16" s="1568">
        <v>2527</v>
      </c>
      <c r="F16" s="1568">
        <v>2613</v>
      </c>
      <c r="G16" s="1566">
        <v>2650</v>
      </c>
      <c r="H16" s="1567">
        <v>2565</v>
      </c>
      <c r="I16" s="1568">
        <v>2453</v>
      </c>
      <c r="J16" s="1568">
        <v>2321</v>
      </c>
      <c r="K16" s="1569">
        <v>4254</v>
      </c>
      <c r="L16" s="1570">
        <v>5306</v>
      </c>
      <c r="M16" s="1568">
        <v>10267</v>
      </c>
      <c r="N16" s="1568">
        <v>9643</v>
      </c>
    </row>
    <row r="17" spans="1:14" ht="15" customHeight="1" x14ac:dyDescent="0.25">
      <c r="A17" s="131" t="s">
        <v>181</v>
      </c>
      <c r="B17" s="1571">
        <v>1.7</v>
      </c>
      <c r="C17" s="1572">
        <v>1.85</v>
      </c>
      <c r="D17" s="1573">
        <v>2.06</v>
      </c>
      <c r="E17" s="1574">
        <v>2.1</v>
      </c>
      <c r="F17" s="1574">
        <v>2.1800000000000002</v>
      </c>
      <c r="G17" s="1572">
        <v>2.15</v>
      </c>
      <c r="H17" s="1573">
        <v>2.1</v>
      </c>
      <c r="I17" s="1574">
        <v>2.0099999999999998</v>
      </c>
      <c r="J17" s="1574">
        <v>1.9</v>
      </c>
      <c r="K17" s="1575">
        <v>3.55</v>
      </c>
      <c r="L17" s="1576">
        <v>4.33</v>
      </c>
      <c r="M17" s="1574">
        <v>8.5</v>
      </c>
      <c r="N17" s="1574">
        <v>7.87</v>
      </c>
    </row>
    <row r="18" spans="1:14" ht="15" customHeight="1" x14ac:dyDescent="0.25">
      <c r="A18" s="131" t="s">
        <v>598</v>
      </c>
      <c r="B18" s="1577">
        <v>12.4</v>
      </c>
      <c r="C18" s="1578">
        <v>13.4</v>
      </c>
      <c r="D18" s="1579">
        <v>15</v>
      </c>
      <c r="E18" s="1580">
        <v>15.4</v>
      </c>
      <c r="F18" s="1580">
        <v>16.399999999999999</v>
      </c>
      <c r="G18" s="1578">
        <v>15.9</v>
      </c>
      <c r="H18" s="1579">
        <v>15.7</v>
      </c>
      <c r="I18" s="1580">
        <v>15.1</v>
      </c>
      <c r="J18" s="1580">
        <v>14.9</v>
      </c>
      <c r="K18" s="1581">
        <v>12.9</v>
      </c>
      <c r="L18" s="1582">
        <v>16.2</v>
      </c>
      <c r="M18" s="1580">
        <v>15.7</v>
      </c>
      <c r="N18" s="1580">
        <v>15</v>
      </c>
    </row>
    <row r="19" spans="1:14" ht="15" customHeight="1" x14ac:dyDescent="0.25">
      <c r="A19" s="131" t="s">
        <v>185</v>
      </c>
      <c r="B19" s="1577">
        <v>57.5</v>
      </c>
      <c r="C19" s="1578">
        <v>55.7</v>
      </c>
      <c r="D19" s="1579">
        <v>53.7</v>
      </c>
      <c r="E19" s="1580">
        <v>53.4</v>
      </c>
      <c r="F19" s="1580">
        <v>52.1</v>
      </c>
      <c r="G19" s="1578">
        <v>52.2</v>
      </c>
      <c r="H19" s="1579">
        <v>52.8</v>
      </c>
      <c r="I19" s="1580">
        <v>52.5</v>
      </c>
      <c r="J19" s="1580">
        <v>51.9</v>
      </c>
      <c r="K19" s="1581">
        <v>56.6</v>
      </c>
      <c r="L19" s="1582">
        <v>52.1</v>
      </c>
      <c r="M19" s="1580">
        <v>52.8</v>
      </c>
      <c r="N19" s="1580">
        <v>52.2</v>
      </c>
    </row>
    <row r="20" spans="1:14" ht="15" customHeight="1" x14ac:dyDescent="0.25">
      <c r="A20" s="131" t="s">
        <v>186</v>
      </c>
      <c r="B20" s="1577">
        <v>18.399999999999999</v>
      </c>
      <c r="C20" s="1578">
        <v>18.399999999999999</v>
      </c>
      <c r="D20" s="1579">
        <v>17.600000000000001</v>
      </c>
      <c r="E20" s="1580">
        <v>18.899999999999999</v>
      </c>
      <c r="F20" s="1580">
        <v>22.9</v>
      </c>
      <c r="G20" s="1578">
        <v>24</v>
      </c>
      <c r="H20" s="1579">
        <v>21.5</v>
      </c>
      <c r="I20" s="1580">
        <v>22.5</v>
      </c>
      <c r="J20" s="1580">
        <v>23.2</v>
      </c>
      <c r="K20" s="1581">
        <v>18.399999999999999</v>
      </c>
      <c r="L20" s="1582">
        <v>23.5</v>
      </c>
      <c r="M20" s="1580">
        <v>21</v>
      </c>
      <c r="N20" s="1580">
        <v>22.5</v>
      </c>
    </row>
    <row r="21" spans="1:14" ht="15" customHeight="1" x14ac:dyDescent="0.25">
      <c r="A21" s="116" t="s">
        <v>688</v>
      </c>
      <c r="B21" s="1589"/>
      <c r="C21" s="1590"/>
      <c r="D21" s="1591"/>
      <c r="E21" s="1589"/>
      <c r="F21" s="1589"/>
      <c r="G21" s="1592"/>
      <c r="H21" s="1591"/>
      <c r="I21" s="1589"/>
      <c r="J21" s="1589"/>
      <c r="K21" s="1593"/>
      <c r="L21" s="1594"/>
      <c r="M21" s="1595"/>
      <c r="N21" s="1595"/>
    </row>
    <row r="22" spans="1:14" ht="15" customHeight="1" x14ac:dyDescent="0.25">
      <c r="A22" s="133" t="s">
        <v>187</v>
      </c>
      <c r="B22" s="1596">
        <v>1373.2</v>
      </c>
      <c r="C22" s="1597">
        <v>1374.4</v>
      </c>
      <c r="D22" s="1598">
        <v>1349.4</v>
      </c>
      <c r="E22" s="1599">
        <v>1292.0999999999999</v>
      </c>
      <c r="F22" s="1599">
        <v>1288.5</v>
      </c>
      <c r="G22" s="1597">
        <v>1245.5</v>
      </c>
      <c r="H22" s="1598">
        <v>1184.8</v>
      </c>
      <c r="I22" s="1599">
        <v>1163.4000000000001</v>
      </c>
      <c r="J22" s="1599">
        <v>1125.2</v>
      </c>
      <c r="K22" s="1600"/>
      <c r="L22" s="1601"/>
      <c r="M22" s="1602"/>
      <c r="N22" s="1602"/>
    </row>
    <row r="23" spans="1:14" ht="15" customHeight="1" x14ac:dyDescent="0.25">
      <c r="A23" s="134" t="s">
        <v>188</v>
      </c>
      <c r="B23" s="1577">
        <v>786</v>
      </c>
      <c r="C23" s="1578">
        <v>777</v>
      </c>
      <c r="D23" s="1579">
        <v>764.5</v>
      </c>
      <c r="E23" s="1580">
        <v>733.2</v>
      </c>
      <c r="F23" s="1580">
        <v>708.7</v>
      </c>
      <c r="G23" s="1578">
        <v>688.2</v>
      </c>
      <c r="H23" s="1579">
        <v>657.4</v>
      </c>
      <c r="I23" s="1580">
        <v>644.79999999999995</v>
      </c>
      <c r="J23" s="1580">
        <v>623.79999999999995</v>
      </c>
      <c r="K23" s="1603"/>
      <c r="L23" s="1604"/>
      <c r="M23" s="1605"/>
      <c r="N23" s="1605"/>
    </row>
    <row r="24" spans="1:14" ht="15" customHeight="1" x14ac:dyDescent="0.25">
      <c r="A24" s="134" t="s">
        <v>184</v>
      </c>
      <c r="B24" s="1577">
        <v>945.5</v>
      </c>
      <c r="C24" s="1578">
        <v>949.9</v>
      </c>
      <c r="D24" s="1579">
        <v>916.2</v>
      </c>
      <c r="E24" s="1580">
        <v>879.6</v>
      </c>
      <c r="F24" s="1580">
        <v>876.6</v>
      </c>
      <c r="G24" s="1578">
        <v>851</v>
      </c>
      <c r="H24" s="1579">
        <v>797.3</v>
      </c>
      <c r="I24" s="1580">
        <v>794.4</v>
      </c>
      <c r="J24" s="1580">
        <v>756.7</v>
      </c>
      <c r="K24" s="1603"/>
      <c r="L24" s="1604"/>
      <c r="M24" s="1605"/>
      <c r="N24" s="1605"/>
    </row>
    <row r="25" spans="1:14" ht="15" customHeight="1" x14ac:dyDescent="0.25">
      <c r="A25" s="135" t="s">
        <v>190</v>
      </c>
      <c r="B25" s="1606">
        <v>69.099999999999994</v>
      </c>
      <c r="C25" s="1607">
        <v>66.099999999999994</v>
      </c>
      <c r="D25" s="1608">
        <v>65.2</v>
      </c>
      <c r="E25" s="1609">
        <v>65</v>
      </c>
      <c r="F25" s="1609">
        <v>64.8</v>
      </c>
      <c r="G25" s="1607">
        <v>66.2</v>
      </c>
      <c r="H25" s="1608">
        <v>64.8</v>
      </c>
      <c r="I25" s="1609">
        <v>64.7</v>
      </c>
      <c r="J25" s="1609">
        <v>63.5</v>
      </c>
      <c r="K25" s="1610"/>
      <c r="L25" s="1611"/>
      <c r="M25" s="1612"/>
      <c r="N25" s="1612"/>
    </row>
    <row r="26" spans="1:14" ht="15" customHeight="1" x14ac:dyDescent="0.25">
      <c r="A26" s="116" t="s">
        <v>191</v>
      </c>
      <c r="B26" s="1589"/>
      <c r="C26" s="1590"/>
      <c r="D26" s="1591"/>
      <c r="E26" s="1589"/>
      <c r="F26" s="1589"/>
      <c r="G26" s="1592"/>
      <c r="H26" s="1591"/>
      <c r="I26" s="1589"/>
      <c r="J26" s="1589"/>
      <c r="K26" s="1613"/>
      <c r="L26" s="1592"/>
      <c r="M26" s="1589"/>
      <c r="N26" s="1589"/>
    </row>
    <row r="27" spans="1:14" ht="15" customHeight="1" x14ac:dyDescent="0.25">
      <c r="A27" s="133" t="s">
        <v>192</v>
      </c>
      <c r="B27" s="1614">
        <v>5305</v>
      </c>
      <c r="C27" s="1615">
        <v>5104</v>
      </c>
      <c r="D27" s="1616">
        <v>4786</v>
      </c>
      <c r="E27" s="1617">
        <v>4252</v>
      </c>
      <c r="F27" s="1617">
        <v>4264</v>
      </c>
      <c r="G27" s="1615">
        <v>4435</v>
      </c>
      <c r="H27" s="1616">
        <v>4456</v>
      </c>
      <c r="I27" s="1617">
        <v>4735</v>
      </c>
      <c r="J27" s="1617">
        <v>5116</v>
      </c>
      <c r="K27" s="1618"/>
      <c r="L27" s="1619"/>
      <c r="M27" s="1620"/>
      <c r="N27" s="1620"/>
    </row>
    <row r="28" spans="1:14" ht="15" customHeight="1" x14ac:dyDescent="0.25">
      <c r="A28" s="131" t="s">
        <v>732</v>
      </c>
      <c r="B28" s="1571">
        <v>0.67</v>
      </c>
      <c r="C28" s="1572">
        <v>0.65</v>
      </c>
      <c r="D28" s="1573">
        <v>0.62</v>
      </c>
      <c r="E28" s="1574">
        <v>0.57999999999999996</v>
      </c>
      <c r="F28" s="1574">
        <v>0.6</v>
      </c>
      <c r="G28" s="1621">
        <v>0.64</v>
      </c>
      <c r="H28" s="1622">
        <v>0.67</v>
      </c>
      <c r="I28" s="1574">
        <v>0.73</v>
      </c>
      <c r="J28" s="1574">
        <v>0.81</v>
      </c>
      <c r="K28" s="1623"/>
      <c r="L28" s="1624"/>
      <c r="M28" s="1625"/>
      <c r="N28" s="1625"/>
    </row>
    <row r="29" spans="1:14" ht="15" customHeight="1" x14ac:dyDescent="0.25">
      <c r="A29" s="134" t="s">
        <v>193</v>
      </c>
      <c r="B29" s="1565">
        <v>3554</v>
      </c>
      <c r="C29" s="1566">
        <v>3450</v>
      </c>
      <c r="D29" s="1567">
        <v>3151</v>
      </c>
      <c r="E29" s="1568">
        <v>2695</v>
      </c>
      <c r="F29" s="1568">
        <v>2660</v>
      </c>
      <c r="G29" s="1566">
        <v>2812</v>
      </c>
      <c r="H29" s="1567">
        <v>2801</v>
      </c>
      <c r="I29" s="1568">
        <v>2976</v>
      </c>
      <c r="J29" s="1568">
        <v>3178</v>
      </c>
      <c r="K29" s="1626"/>
      <c r="L29" s="1627"/>
      <c r="M29" s="1628"/>
      <c r="N29" s="1628"/>
    </row>
    <row r="30" spans="1:14" ht="15" customHeight="1" x14ac:dyDescent="0.25">
      <c r="A30" s="131" t="s">
        <v>732</v>
      </c>
      <c r="B30" s="1571">
        <v>0.45</v>
      </c>
      <c r="C30" s="1572">
        <v>0.44</v>
      </c>
      <c r="D30" s="1573">
        <v>0.41</v>
      </c>
      <c r="E30" s="1574">
        <v>0.36</v>
      </c>
      <c r="F30" s="1574">
        <v>0.37</v>
      </c>
      <c r="G30" s="1572">
        <v>0.41</v>
      </c>
      <c r="H30" s="1573">
        <v>0.42</v>
      </c>
      <c r="I30" s="1574">
        <v>0.46</v>
      </c>
      <c r="J30" s="1574">
        <v>0.5</v>
      </c>
      <c r="K30" s="1623"/>
      <c r="L30" s="1624"/>
      <c r="M30" s="1625"/>
      <c r="N30" s="1625"/>
    </row>
    <row r="31" spans="1:14" ht="15" customHeight="1" x14ac:dyDescent="0.25">
      <c r="A31" s="134" t="s">
        <v>599</v>
      </c>
      <c r="B31" s="1565">
        <v>5931</v>
      </c>
      <c r="C31" s="1566">
        <v>5668</v>
      </c>
      <c r="D31" s="1567">
        <v>5499</v>
      </c>
      <c r="E31" s="1568">
        <v>5295</v>
      </c>
      <c r="F31" s="1568">
        <v>5375</v>
      </c>
      <c r="G31" s="1566">
        <v>5583</v>
      </c>
      <c r="H31" s="1567">
        <v>5731</v>
      </c>
      <c r="I31" s="1568">
        <v>6232</v>
      </c>
      <c r="J31" s="1568">
        <v>6893</v>
      </c>
      <c r="K31" s="1629"/>
      <c r="L31" s="1630"/>
      <c r="M31" s="1631"/>
      <c r="N31" s="1631"/>
    </row>
    <row r="32" spans="1:14" ht="31" x14ac:dyDescent="0.25">
      <c r="A32" s="1478" t="s">
        <v>600</v>
      </c>
      <c r="B32" s="1571">
        <v>0.28999999999999998</v>
      </c>
      <c r="C32" s="1572">
        <v>0.28999999999999998</v>
      </c>
      <c r="D32" s="1573">
        <v>0.24</v>
      </c>
      <c r="E32" s="1574">
        <v>0.21</v>
      </c>
      <c r="F32" s="1574">
        <v>0.25</v>
      </c>
      <c r="G32" s="1572">
        <v>0.27</v>
      </c>
      <c r="H32" s="1573">
        <v>0.34</v>
      </c>
      <c r="I32" s="1574">
        <v>0.62</v>
      </c>
      <c r="J32" s="1574">
        <v>0.76</v>
      </c>
      <c r="K32" s="1632">
        <v>0.28999999999999998</v>
      </c>
      <c r="L32" s="1633">
        <v>0.26</v>
      </c>
      <c r="M32" s="136">
        <v>0.24</v>
      </c>
      <c r="N32" s="136">
        <v>0.54</v>
      </c>
    </row>
    <row r="33" spans="1:14" ht="31" x14ac:dyDescent="0.25">
      <c r="A33" s="1477" t="s">
        <v>601</v>
      </c>
      <c r="B33" s="1565">
        <v>709</v>
      </c>
      <c r="C33" s="1566">
        <v>638</v>
      </c>
      <c r="D33" s="1567">
        <v>529</v>
      </c>
      <c r="E33" s="1568">
        <v>412</v>
      </c>
      <c r="F33" s="1568">
        <v>219</v>
      </c>
      <c r="G33" s="1566">
        <v>222</v>
      </c>
      <c r="H33" s="1567">
        <v>168</v>
      </c>
      <c r="I33" s="1568">
        <v>380</v>
      </c>
      <c r="J33" s="1568">
        <v>496</v>
      </c>
      <c r="K33" s="1567">
        <v>1347</v>
      </c>
      <c r="L33" s="1634">
        <v>441</v>
      </c>
      <c r="M33" s="1635">
        <v>1382</v>
      </c>
      <c r="N33" s="1635">
        <v>1808</v>
      </c>
    </row>
    <row r="34" spans="1:14" ht="16.5" x14ac:dyDescent="0.25">
      <c r="A34" s="131" t="s">
        <v>602</v>
      </c>
      <c r="B34" s="1565">
        <v>708</v>
      </c>
      <c r="C34" s="1566">
        <v>636</v>
      </c>
      <c r="D34" s="1567">
        <v>529</v>
      </c>
      <c r="E34" s="1568">
        <v>404</v>
      </c>
      <c r="F34" s="1568">
        <v>218</v>
      </c>
      <c r="G34" s="1566">
        <v>222</v>
      </c>
      <c r="H34" s="1567">
        <v>170</v>
      </c>
      <c r="I34" s="1568">
        <v>379</v>
      </c>
      <c r="J34" s="1568">
        <v>496</v>
      </c>
      <c r="K34" s="1567">
        <v>1344</v>
      </c>
      <c r="L34" s="1634">
        <v>440</v>
      </c>
      <c r="M34" s="1635">
        <v>1373</v>
      </c>
      <c r="N34" s="1635">
        <v>1809</v>
      </c>
    </row>
    <row r="35" spans="1:14" ht="16.5" x14ac:dyDescent="0.25">
      <c r="A35" s="131" t="s">
        <v>733</v>
      </c>
      <c r="B35" s="1571">
        <v>0.37</v>
      </c>
      <c r="C35" s="1572">
        <v>0.33</v>
      </c>
      <c r="D35" s="1573">
        <v>0.28000000000000003</v>
      </c>
      <c r="E35" s="1574">
        <v>0.22</v>
      </c>
      <c r="F35" s="1574">
        <v>0.13</v>
      </c>
      <c r="G35" s="1572">
        <v>0.13</v>
      </c>
      <c r="H35" s="1573">
        <v>0.1</v>
      </c>
      <c r="I35" s="1574">
        <v>0.24</v>
      </c>
      <c r="J35" s="1574">
        <v>0.33</v>
      </c>
      <c r="K35" s="1573">
        <v>0.35</v>
      </c>
      <c r="L35" s="1636">
        <v>0.13</v>
      </c>
      <c r="M35" s="1637">
        <v>0.19</v>
      </c>
      <c r="N35" s="1637">
        <v>0.28999999999999998</v>
      </c>
    </row>
    <row r="36" spans="1:14" ht="31" x14ac:dyDescent="0.25">
      <c r="A36" s="1477" t="s">
        <v>734</v>
      </c>
      <c r="B36" s="1571">
        <v>0.33</v>
      </c>
      <c r="C36" s="1572">
        <v>0.28999999999999998</v>
      </c>
      <c r="D36" s="1573">
        <v>0.26</v>
      </c>
      <c r="E36" s="1574">
        <v>0.21</v>
      </c>
      <c r="F36" s="1574">
        <v>0.24</v>
      </c>
      <c r="G36" s="1572">
        <v>0.24</v>
      </c>
      <c r="H36" s="1573">
        <v>0.31</v>
      </c>
      <c r="I36" s="1574">
        <v>0.53</v>
      </c>
      <c r="J36" s="1574">
        <v>0.8</v>
      </c>
      <c r="K36" s="1573">
        <v>0.31</v>
      </c>
      <c r="L36" s="1636">
        <v>0.24</v>
      </c>
      <c r="M36" s="1637">
        <v>0.24</v>
      </c>
      <c r="N36" s="1637">
        <v>0.53</v>
      </c>
    </row>
    <row r="37" spans="1:14" ht="14.5" x14ac:dyDescent="0.25">
      <c r="A37" s="116" t="s">
        <v>194</v>
      </c>
      <c r="B37" s="1589"/>
      <c r="C37" s="1590"/>
      <c r="D37" s="1591"/>
      <c r="E37" s="1589"/>
      <c r="F37" s="1589"/>
      <c r="G37" s="1592"/>
      <c r="H37" s="1591"/>
      <c r="I37" s="1589"/>
      <c r="J37" s="1589"/>
      <c r="K37" s="1593"/>
      <c r="L37" s="1638"/>
      <c r="M37" s="1595"/>
      <c r="N37" s="1595"/>
    </row>
    <row r="38" spans="1:14" ht="15" customHeight="1" x14ac:dyDescent="0.25">
      <c r="A38" s="133" t="s">
        <v>603</v>
      </c>
      <c r="B38" s="1596">
        <v>12.3</v>
      </c>
      <c r="C38" s="1597">
        <v>11.5</v>
      </c>
      <c r="D38" s="1598">
        <v>11.5</v>
      </c>
      <c r="E38" s="1599">
        <v>11.4</v>
      </c>
      <c r="F38" s="1599">
        <v>11.6</v>
      </c>
      <c r="G38" s="1597">
        <v>12</v>
      </c>
      <c r="H38" s="1598">
        <v>12.3</v>
      </c>
      <c r="I38" s="1599">
        <v>12.2</v>
      </c>
      <c r="J38" s="1599">
        <v>12.3</v>
      </c>
      <c r="K38" s="1639"/>
      <c r="L38" s="1640"/>
      <c r="M38" s="1641"/>
      <c r="N38" s="1641"/>
    </row>
    <row r="39" spans="1:14" ht="15" customHeight="1" x14ac:dyDescent="0.25">
      <c r="A39" s="134" t="s">
        <v>604</v>
      </c>
      <c r="B39" s="1577">
        <v>14.1</v>
      </c>
      <c r="C39" s="1578">
        <v>13.2</v>
      </c>
      <c r="D39" s="1579">
        <v>13.2</v>
      </c>
      <c r="E39" s="1580">
        <v>13</v>
      </c>
      <c r="F39" s="1580">
        <v>12.8</v>
      </c>
      <c r="G39" s="1578">
        <v>13.4</v>
      </c>
      <c r="H39" s="1579">
        <v>13.9</v>
      </c>
      <c r="I39" s="1580">
        <v>13.7</v>
      </c>
      <c r="J39" s="1580">
        <v>13.6</v>
      </c>
      <c r="K39" s="1642"/>
      <c r="L39" s="1643"/>
      <c r="M39" s="1605"/>
      <c r="N39" s="1605"/>
    </row>
    <row r="40" spans="1:14" ht="15" customHeight="1" x14ac:dyDescent="0.25">
      <c r="A40" s="134" t="s">
        <v>605</v>
      </c>
      <c r="B40" s="1577">
        <v>16.2</v>
      </c>
      <c r="C40" s="1578">
        <v>15.2</v>
      </c>
      <c r="D40" s="1579">
        <v>15.3</v>
      </c>
      <c r="E40" s="1580">
        <v>15</v>
      </c>
      <c r="F40" s="1580">
        <v>15</v>
      </c>
      <c r="G40" s="1578">
        <v>15.1</v>
      </c>
      <c r="H40" s="1579">
        <v>15.9</v>
      </c>
      <c r="I40" s="1580">
        <v>15.7</v>
      </c>
      <c r="J40" s="1580">
        <v>15.7</v>
      </c>
      <c r="K40" s="1642"/>
      <c r="L40" s="1643"/>
      <c r="M40" s="1605"/>
      <c r="N40" s="1605"/>
    </row>
    <row r="41" spans="1:14" ht="15" customHeight="1" x14ac:dyDescent="0.25">
      <c r="A41" s="134" t="s">
        <v>606</v>
      </c>
      <c r="B41" s="1577">
        <v>4.2</v>
      </c>
      <c r="C41" s="1578">
        <v>4.2</v>
      </c>
      <c r="D41" s="1579">
        <v>4.2</v>
      </c>
      <c r="E41" s="1580">
        <v>4.2</v>
      </c>
      <c r="F41" s="1580">
        <v>4.2</v>
      </c>
      <c r="G41" s="1578">
        <v>4.4000000000000004</v>
      </c>
      <c r="H41" s="1579">
        <v>4.8</v>
      </c>
      <c r="I41" s="1580">
        <v>4.8</v>
      </c>
      <c r="J41" s="1580">
        <v>4.7</v>
      </c>
      <c r="K41" s="1642"/>
      <c r="L41" s="1643"/>
      <c r="M41" s="1605"/>
      <c r="N41" s="1605"/>
    </row>
    <row r="42" spans="1:14" ht="15" customHeight="1" x14ac:dyDescent="0.25">
      <c r="A42" s="134" t="s">
        <v>607</v>
      </c>
      <c r="B42" s="1565">
        <v>451063</v>
      </c>
      <c r="C42" s="1566">
        <v>471528</v>
      </c>
      <c r="D42" s="1567">
        <v>462448</v>
      </c>
      <c r="E42" s="1568">
        <v>452800</v>
      </c>
      <c r="F42" s="1568">
        <v>445273</v>
      </c>
      <c r="G42" s="1566">
        <v>433682</v>
      </c>
      <c r="H42" s="1567">
        <v>416105</v>
      </c>
      <c r="I42" s="1568">
        <v>414169</v>
      </c>
      <c r="J42" s="1568">
        <v>404727</v>
      </c>
      <c r="K42" s="1644"/>
      <c r="L42" s="1645"/>
      <c r="M42" s="1646"/>
      <c r="N42" s="1646"/>
    </row>
    <row r="43" spans="1:14" ht="15" customHeight="1" x14ac:dyDescent="0.25">
      <c r="A43" s="134" t="s">
        <v>608</v>
      </c>
      <c r="B43" s="1565">
        <v>111</v>
      </c>
      <c r="C43" s="1566">
        <v>109</v>
      </c>
      <c r="D43" s="1569">
        <v>111</v>
      </c>
      <c r="E43" s="1635">
        <v>109</v>
      </c>
      <c r="F43" s="1635">
        <v>109</v>
      </c>
      <c r="G43" s="1647">
        <v>108</v>
      </c>
      <c r="H43" s="1569">
        <v>110</v>
      </c>
      <c r="I43" s="1635">
        <v>112</v>
      </c>
      <c r="J43" s="1635">
        <v>112</v>
      </c>
      <c r="K43" s="1648"/>
      <c r="L43" s="1649"/>
      <c r="M43" s="1628"/>
      <c r="N43" s="1628"/>
    </row>
    <row r="44" spans="1:14" ht="15" customHeight="1" x14ac:dyDescent="0.25">
      <c r="A44" s="137" t="s">
        <v>609</v>
      </c>
      <c r="B44" s="138">
        <v>131</v>
      </c>
      <c r="C44" s="139">
        <v>122</v>
      </c>
      <c r="D44" s="140">
        <v>119</v>
      </c>
      <c r="E44" s="141">
        <v>122</v>
      </c>
      <c r="F44" s="141">
        <v>125</v>
      </c>
      <c r="G44" s="139">
        <v>123</v>
      </c>
      <c r="H44" s="140">
        <v>124</v>
      </c>
      <c r="I44" s="141">
        <v>123</v>
      </c>
      <c r="J44" s="141">
        <v>129</v>
      </c>
      <c r="K44" s="1648"/>
      <c r="L44" s="1649"/>
      <c r="M44" s="1628"/>
      <c r="N44" s="1628"/>
    </row>
    <row r="45" spans="1:14" ht="15" customHeight="1" x14ac:dyDescent="0.25">
      <c r="A45" s="142" t="s">
        <v>735</v>
      </c>
      <c r="B45" s="1650">
        <v>8.4</v>
      </c>
      <c r="C45" s="1651">
        <v>8.9</v>
      </c>
      <c r="D45" s="1652">
        <v>8.8000000000000007</v>
      </c>
      <c r="E45" s="1653">
        <v>9.3000000000000007</v>
      </c>
      <c r="F45" s="1653">
        <v>9.8000000000000007</v>
      </c>
      <c r="G45" s="1651">
        <v>9.4</v>
      </c>
      <c r="H45" s="1652">
        <v>9.6</v>
      </c>
      <c r="I45" s="1653">
        <v>8.8000000000000007</v>
      </c>
      <c r="J45" s="1653">
        <v>8.3000000000000007</v>
      </c>
      <c r="K45" s="1644"/>
      <c r="L45" s="1645"/>
      <c r="M45" s="1646"/>
      <c r="N45" s="1646"/>
    </row>
    <row r="46" spans="1:14" ht="30.75" customHeight="1" x14ac:dyDescent="0.25">
      <c r="A46" s="143" t="s">
        <v>736</v>
      </c>
      <c r="B46" s="144">
        <v>28.3</v>
      </c>
      <c r="C46" s="145">
        <v>27.9</v>
      </c>
      <c r="D46" s="146">
        <v>27.4</v>
      </c>
      <c r="E46" s="147">
        <v>28.4</v>
      </c>
      <c r="F46" s="147">
        <v>30.1</v>
      </c>
      <c r="G46" s="148">
        <v>28.3</v>
      </c>
      <c r="H46" s="146">
        <v>27.8</v>
      </c>
      <c r="I46" s="147">
        <v>25.3</v>
      </c>
      <c r="J46" s="147">
        <v>24.2</v>
      </c>
      <c r="K46" s="1654"/>
      <c r="L46" s="1655"/>
      <c r="M46" s="1656"/>
      <c r="N46" s="1656"/>
    </row>
    <row r="47" spans="1:14" ht="15" customHeight="1" x14ac:dyDescent="0.25">
      <c r="A47" s="3135"/>
      <c r="B47" s="3135" t="s">
        <v>38</v>
      </c>
      <c r="C47" s="3135" t="s">
        <v>38</v>
      </c>
      <c r="D47" s="3135" t="s">
        <v>38</v>
      </c>
      <c r="E47" s="3135" t="s">
        <v>38</v>
      </c>
      <c r="F47" s="3135" t="s">
        <v>38</v>
      </c>
      <c r="G47" s="3135" t="s">
        <v>38</v>
      </c>
      <c r="H47" s="3135" t="s">
        <v>38</v>
      </c>
      <c r="I47" s="3135" t="s">
        <v>38</v>
      </c>
      <c r="J47" s="3135" t="s">
        <v>38</v>
      </c>
      <c r="K47" s="3135" t="s">
        <v>38</v>
      </c>
      <c r="L47" s="3135" t="s">
        <v>38</v>
      </c>
      <c r="M47" s="3135" t="s">
        <v>38</v>
      </c>
      <c r="N47" s="3135" t="s">
        <v>38</v>
      </c>
    </row>
    <row r="48" spans="1:14" ht="13.4" customHeight="1" x14ac:dyDescent="0.25">
      <c r="A48" s="3134" t="s">
        <v>737</v>
      </c>
      <c r="B48" s="3134" t="s">
        <v>38</v>
      </c>
      <c r="C48" s="3134" t="s">
        <v>38</v>
      </c>
      <c r="D48" s="3134" t="s">
        <v>38</v>
      </c>
      <c r="E48" s="3134" t="s">
        <v>38</v>
      </c>
      <c r="F48" s="3134" t="s">
        <v>38</v>
      </c>
      <c r="G48" s="3134" t="s">
        <v>38</v>
      </c>
      <c r="H48" s="3134" t="s">
        <v>38</v>
      </c>
      <c r="I48" s="3134" t="s">
        <v>38</v>
      </c>
      <c r="J48" s="3134" t="s">
        <v>38</v>
      </c>
      <c r="K48" s="3134" t="s">
        <v>38</v>
      </c>
      <c r="L48" s="3134" t="s">
        <v>38</v>
      </c>
      <c r="M48" s="3134" t="s">
        <v>38</v>
      </c>
      <c r="N48" s="3134" t="s">
        <v>38</v>
      </c>
    </row>
    <row r="49" spans="1:14" ht="9" customHeight="1" x14ac:dyDescent="0.25">
      <c r="A49" s="3134" t="s">
        <v>195</v>
      </c>
      <c r="B49" s="3134" t="s">
        <v>38</v>
      </c>
      <c r="C49" s="3134" t="s">
        <v>38</v>
      </c>
      <c r="D49" s="3134" t="s">
        <v>38</v>
      </c>
      <c r="E49" s="3134" t="s">
        <v>38</v>
      </c>
      <c r="F49" s="3134" t="s">
        <v>38</v>
      </c>
      <c r="G49" s="3134" t="s">
        <v>38</v>
      </c>
      <c r="H49" s="3134" t="s">
        <v>38</v>
      </c>
      <c r="I49" s="3134" t="s">
        <v>38</v>
      </c>
      <c r="J49" s="3134" t="s">
        <v>38</v>
      </c>
      <c r="K49" s="3134" t="s">
        <v>38</v>
      </c>
      <c r="L49" s="3134" t="s">
        <v>38</v>
      </c>
      <c r="M49" s="3134" t="s">
        <v>38</v>
      </c>
      <c r="N49" s="3134" t="s">
        <v>38</v>
      </c>
    </row>
    <row r="50" spans="1:14" ht="9" customHeight="1" x14ac:dyDescent="0.25">
      <c r="A50" s="3134" t="s">
        <v>196</v>
      </c>
      <c r="B50" s="3134" t="s">
        <v>38</v>
      </c>
      <c r="C50" s="3134" t="s">
        <v>38</v>
      </c>
      <c r="D50" s="3134" t="s">
        <v>38</v>
      </c>
      <c r="E50" s="3134" t="s">
        <v>38</v>
      </c>
      <c r="F50" s="3134" t="s">
        <v>38</v>
      </c>
      <c r="G50" s="3134" t="s">
        <v>38</v>
      </c>
      <c r="H50" s="3134" t="s">
        <v>38</v>
      </c>
      <c r="I50" s="3134" t="s">
        <v>38</v>
      </c>
      <c r="J50" s="3134" t="s">
        <v>38</v>
      </c>
      <c r="K50" s="3134" t="s">
        <v>38</v>
      </c>
      <c r="L50" s="3134" t="s">
        <v>38</v>
      </c>
      <c r="M50" s="3134" t="s">
        <v>38</v>
      </c>
      <c r="N50" s="3134" t="s">
        <v>38</v>
      </c>
    </row>
    <row r="51" spans="1:14" ht="9" customHeight="1" x14ac:dyDescent="0.25">
      <c r="A51" s="3134" t="s">
        <v>738</v>
      </c>
      <c r="B51" s="3134" t="s">
        <v>38</v>
      </c>
      <c r="C51" s="3134" t="s">
        <v>38</v>
      </c>
      <c r="D51" s="3134" t="s">
        <v>38</v>
      </c>
      <c r="E51" s="3134" t="s">
        <v>38</v>
      </c>
      <c r="F51" s="3134" t="s">
        <v>38</v>
      </c>
      <c r="G51" s="3134" t="s">
        <v>38</v>
      </c>
      <c r="H51" s="3134" t="s">
        <v>38</v>
      </c>
      <c r="I51" s="3134" t="s">
        <v>38</v>
      </c>
      <c r="J51" s="3134" t="s">
        <v>38</v>
      </c>
      <c r="K51" s="3134" t="s">
        <v>38</v>
      </c>
      <c r="L51" s="3134" t="s">
        <v>38</v>
      </c>
      <c r="M51" s="3134" t="s">
        <v>38</v>
      </c>
      <c r="N51" s="3134" t="s">
        <v>38</v>
      </c>
    </row>
    <row r="52" spans="1:14" ht="9" customHeight="1" x14ac:dyDescent="0.25">
      <c r="A52" s="3134" t="s">
        <v>739</v>
      </c>
      <c r="B52" s="3134" t="s">
        <v>38</v>
      </c>
      <c r="C52" s="3134" t="s">
        <v>38</v>
      </c>
      <c r="D52" s="3134" t="s">
        <v>38</v>
      </c>
      <c r="E52" s="3134" t="s">
        <v>38</v>
      </c>
      <c r="F52" s="3134" t="s">
        <v>38</v>
      </c>
      <c r="G52" s="3134" t="s">
        <v>38</v>
      </c>
      <c r="H52" s="3134" t="s">
        <v>38</v>
      </c>
      <c r="I52" s="3134" t="s">
        <v>38</v>
      </c>
      <c r="J52" s="3134" t="s">
        <v>38</v>
      </c>
      <c r="K52" s="3134" t="s">
        <v>38</v>
      </c>
      <c r="L52" s="3134" t="s">
        <v>38</v>
      </c>
      <c r="M52" s="3134" t="s">
        <v>38</v>
      </c>
      <c r="N52" s="3134" t="s">
        <v>38</v>
      </c>
    </row>
    <row r="53" spans="1:14" ht="9" customHeight="1" x14ac:dyDescent="0.25">
      <c r="A53" s="3134" t="s">
        <v>740</v>
      </c>
      <c r="B53" s="3134" t="s">
        <v>38</v>
      </c>
      <c r="C53" s="3134" t="s">
        <v>38</v>
      </c>
      <c r="D53" s="3134" t="s">
        <v>38</v>
      </c>
      <c r="E53" s="3134" t="s">
        <v>38</v>
      </c>
      <c r="F53" s="3134" t="s">
        <v>38</v>
      </c>
      <c r="G53" s="3134" t="s">
        <v>38</v>
      </c>
      <c r="H53" s="3134" t="s">
        <v>38</v>
      </c>
      <c r="I53" s="3134" t="s">
        <v>38</v>
      </c>
      <c r="J53" s="3134" t="s">
        <v>38</v>
      </c>
      <c r="K53" s="3134" t="s">
        <v>38</v>
      </c>
      <c r="L53" s="3134" t="s">
        <v>38</v>
      </c>
      <c r="M53" s="3134" t="s">
        <v>38</v>
      </c>
      <c r="N53" s="3134" t="s">
        <v>38</v>
      </c>
    </row>
    <row r="54" spans="1:14" ht="9" customHeight="1" x14ac:dyDescent="0.25">
      <c r="A54" s="3134" t="s">
        <v>741</v>
      </c>
      <c r="B54" s="3134" t="s">
        <v>38</v>
      </c>
      <c r="C54" s="3134" t="s">
        <v>38</v>
      </c>
      <c r="D54" s="3134" t="s">
        <v>38</v>
      </c>
      <c r="E54" s="3134" t="s">
        <v>38</v>
      </c>
      <c r="F54" s="3134" t="s">
        <v>38</v>
      </c>
      <c r="G54" s="3134" t="s">
        <v>38</v>
      </c>
      <c r="H54" s="3134" t="s">
        <v>38</v>
      </c>
      <c r="I54" s="3134" t="s">
        <v>38</v>
      </c>
      <c r="J54" s="3134" t="s">
        <v>38</v>
      </c>
      <c r="K54" s="3134" t="s">
        <v>38</v>
      </c>
      <c r="L54" s="3134" t="s">
        <v>38</v>
      </c>
      <c r="M54" s="3134" t="s">
        <v>38</v>
      </c>
      <c r="N54" s="3134" t="s">
        <v>38</v>
      </c>
    </row>
    <row r="55" spans="1:14" ht="9" customHeight="1" x14ac:dyDescent="0.25">
      <c r="A55" s="3134" t="s">
        <v>742</v>
      </c>
      <c r="B55" s="3134" t="s">
        <v>38</v>
      </c>
      <c r="C55" s="3134" t="s">
        <v>38</v>
      </c>
      <c r="D55" s="3134" t="s">
        <v>38</v>
      </c>
      <c r="E55" s="3134" t="s">
        <v>38</v>
      </c>
      <c r="F55" s="3134" t="s">
        <v>38</v>
      </c>
      <c r="G55" s="3134" t="s">
        <v>38</v>
      </c>
      <c r="H55" s="3134" t="s">
        <v>38</v>
      </c>
      <c r="I55" s="3134" t="s">
        <v>38</v>
      </c>
      <c r="J55" s="3134" t="s">
        <v>38</v>
      </c>
      <c r="K55" s="3134" t="s">
        <v>38</v>
      </c>
      <c r="L55" s="3134" t="s">
        <v>38</v>
      </c>
      <c r="M55" s="3134" t="s">
        <v>38</v>
      </c>
      <c r="N55" s="3134" t="s">
        <v>38</v>
      </c>
    </row>
    <row r="56" spans="1:14" ht="9" customHeight="1" x14ac:dyDescent="0.25">
      <c r="A56" s="3134" t="s">
        <v>197</v>
      </c>
      <c r="B56" s="3134" t="s">
        <v>38</v>
      </c>
      <c r="C56" s="3134" t="s">
        <v>38</v>
      </c>
      <c r="D56" s="3134" t="s">
        <v>38</v>
      </c>
      <c r="E56" s="3134" t="s">
        <v>38</v>
      </c>
      <c r="F56" s="3134" t="s">
        <v>38</v>
      </c>
      <c r="G56" s="3134" t="s">
        <v>38</v>
      </c>
      <c r="H56" s="3134" t="s">
        <v>38</v>
      </c>
      <c r="I56" s="3134" t="s">
        <v>38</v>
      </c>
      <c r="J56" s="3134" t="s">
        <v>38</v>
      </c>
      <c r="K56" s="3134" t="s">
        <v>38</v>
      </c>
      <c r="L56" s="3134" t="s">
        <v>38</v>
      </c>
      <c r="M56" s="3134" t="s">
        <v>38</v>
      </c>
      <c r="N56" s="3134" t="s">
        <v>38</v>
      </c>
    </row>
    <row r="57" spans="1:14" ht="9" customHeight="1" x14ac:dyDescent="0.25">
      <c r="A57" s="3134" t="s">
        <v>198</v>
      </c>
      <c r="B57" s="3134" t="s">
        <v>38</v>
      </c>
      <c r="C57" s="3134" t="s">
        <v>38</v>
      </c>
      <c r="D57" s="3134" t="s">
        <v>38</v>
      </c>
      <c r="E57" s="3134" t="s">
        <v>38</v>
      </c>
      <c r="F57" s="3134" t="s">
        <v>38</v>
      </c>
      <c r="G57" s="3134" t="s">
        <v>38</v>
      </c>
      <c r="H57" s="3134" t="s">
        <v>38</v>
      </c>
      <c r="I57" s="3134" t="s">
        <v>38</v>
      </c>
      <c r="J57" s="3134" t="s">
        <v>38</v>
      </c>
      <c r="K57" s="3134" t="s">
        <v>38</v>
      </c>
      <c r="L57" s="3134" t="s">
        <v>38</v>
      </c>
      <c r="M57" s="3134" t="s">
        <v>38</v>
      </c>
      <c r="N57" s="3134" t="s">
        <v>38</v>
      </c>
    </row>
    <row r="58" spans="1:14" ht="9" customHeight="1" x14ac:dyDescent="0.25">
      <c r="A58" s="3134" t="s">
        <v>199</v>
      </c>
      <c r="B58" s="3134" t="s">
        <v>38</v>
      </c>
      <c r="C58" s="3134" t="s">
        <v>38</v>
      </c>
      <c r="D58" s="3134" t="s">
        <v>38</v>
      </c>
      <c r="E58" s="3134" t="s">
        <v>38</v>
      </c>
      <c r="F58" s="3134" t="s">
        <v>38</v>
      </c>
      <c r="G58" s="3134" t="s">
        <v>38</v>
      </c>
      <c r="H58" s="3134" t="s">
        <v>38</v>
      </c>
      <c r="I58" s="3134" t="s">
        <v>38</v>
      </c>
      <c r="J58" s="3134" t="s">
        <v>38</v>
      </c>
      <c r="K58" s="3134" t="s">
        <v>38</v>
      </c>
      <c r="L58" s="3134" t="s">
        <v>38</v>
      </c>
      <c r="M58" s="3134" t="s">
        <v>38</v>
      </c>
      <c r="N58" s="3134" t="s">
        <v>38</v>
      </c>
    </row>
    <row r="59" spans="1:14" ht="9" customHeight="1" x14ac:dyDescent="0.25"/>
  </sheetData>
  <mergeCells count="18">
    <mergeCell ref="A47:N47"/>
    <mergeCell ref="A2:N2"/>
    <mergeCell ref="B3:C3"/>
    <mergeCell ref="D3:G3"/>
    <mergeCell ref="H3:J3"/>
    <mergeCell ref="K3:L3"/>
    <mergeCell ref="M3:N3"/>
    <mergeCell ref="A48:N48"/>
    <mergeCell ref="A49:N49"/>
    <mergeCell ref="A50:N50"/>
    <mergeCell ref="A51:N51"/>
    <mergeCell ref="A52:N52"/>
    <mergeCell ref="A58:N58"/>
    <mergeCell ref="A53:N53"/>
    <mergeCell ref="A54:N54"/>
    <mergeCell ref="A55:N55"/>
    <mergeCell ref="A56:N56"/>
    <mergeCell ref="A57:N57"/>
  </mergeCells>
  <hyperlinks>
    <hyperlink ref="A1" location="TDM!A1" display=" Retour à la table des matières" xr:uid="{C892C4C4-A61A-4C6E-A4E3-7FCBA1EB2466}"/>
  </hyperlinks>
  <printOptions horizontalCentered="1"/>
  <pageMargins left="0.51181102362204722" right="0.51181102362204722" top="0.51181102362204722" bottom="0.51181102362204722" header="0.23622047244094491" footer="0.23622047244094491"/>
  <pageSetup scale="57" orientation="landscape" r:id="rId1"/>
  <headerFooter>
    <oddFooter>&amp;L&amp;G&amp;C&amp;"Scotia,Regular"&amp;9Informations financières supplémentaires (IFS)&amp;R&amp;"Scotia,Regular"&amp;9&amp;A</oddFooter>
  </headerFooter>
  <legacyDrawingHF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640760-85E3-4511-8E00-9EEDA6479204}">
  <sheetPr>
    <pageSetUpPr fitToPage="1"/>
  </sheetPr>
  <dimension ref="A1:N43"/>
  <sheetViews>
    <sheetView showGridLines="0" zoomScaleNormal="100" workbookViewId="0"/>
  </sheetViews>
  <sheetFormatPr defaultColWidth="8.7265625" defaultRowHeight="12.5" x14ac:dyDescent="0.25"/>
  <cols>
    <col min="1" max="1" width="77" style="25" customWidth="1"/>
    <col min="2" max="2" width="9.1796875" style="25" bestFit="1" customWidth="1"/>
    <col min="3" max="6" width="9.453125" style="25" customWidth="1"/>
    <col min="7" max="7" width="10.453125" style="25" customWidth="1"/>
    <col min="8" max="11" width="9.453125" style="25" customWidth="1"/>
    <col min="12" max="12" width="10.453125" style="25" customWidth="1"/>
    <col min="13" max="14" width="9.453125" style="25" customWidth="1"/>
    <col min="15" max="16384" width="8.7265625" style="25"/>
  </cols>
  <sheetData>
    <row r="1" spans="1:14" ht="20.149999999999999" customHeight="1" x14ac:dyDescent="0.25">
      <c r="A1" s="24" t="s">
        <v>567</v>
      </c>
    </row>
    <row r="2" spans="1:14" ht="24.65" customHeight="1" x14ac:dyDescent="0.25">
      <c r="A2" s="3144" t="s">
        <v>14</v>
      </c>
      <c r="B2" s="3145" t="s">
        <v>38</v>
      </c>
      <c r="C2" s="3145" t="s">
        <v>38</v>
      </c>
      <c r="D2" s="3144" t="s">
        <v>38</v>
      </c>
      <c r="E2" s="3144" t="s">
        <v>38</v>
      </c>
      <c r="F2" s="3144" t="s">
        <v>38</v>
      </c>
      <c r="G2" s="3144" t="s">
        <v>38</v>
      </c>
      <c r="H2" s="3144" t="s">
        <v>38</v>
      </c>
      <c r="I2" s="3144" t="s">
        <v>38</v>
      </c>
      <c r="J2" s="3144" t="s">
        <v>38</v>
      </c>
      <c r="K2" s="3145" t="s">
        <v>38</v>
      </c>
      <c r="L2" s="3145" t="s">
        <v>38</v>
      </c>
      <c r="M2" s="3145" t="s">
        <v>38</v>
      </c>
      <c r="N2" s="3145" t="s">
        <v>38</v>
      </c>
    </row>
    <row r="3" spans="1:14" ht="13.4" customHeight="1" x14ac:dyDescent="0.25">
      <c r="A3" s="149"/>
      <c r="B3" s="3146" t="s">
        <v>174</v>
      </c>
      <c r="C3" s="3147" t="s">
        <v>38</v>
      </c>
      <c r="D3" s="3148">
        <v>2022</v>
      </c>
      <c r="E3" s="3149" t="s">
        <v>38</v>
      </c>
      <c r="F3" s="3149" t="s">
        <v>38</v>
      </c>
      <c r="G3" s="3150" t="s">
        <v>38</v>
      </c>
      <c r="H3" s="3148">
        <v>2021</v>
      </c>
      <c r="I3" s="3149" t="s">
        <v>38</v>
      </c>
      <c r="J3" s="3149" t="s">
        <v>38</v>
      </c>
      <c r="K3" s="3151" t="s">
        <v>716</v>
      </c>
      <c r="L3" s="3152" t="s">
        <v>38</v>
      </c>
      <c r="M3" s="3153" t="s">
        <v>717</v>
      </c>
      <c r="N3" s="3153" t="s">
        <v>38</v>
      </c>
    </row>
    <row r="4" spans="1:14" ht="13.4" customHeight="1" x14ac:dyDescent="0.25">
      <c r="A4" s="150"/>
      <c r="B4" s="151" t="s">
        <v>49</v>
      </c>
      <c r="C4" s="152" t="s">
        <v>45</v>
      </c>
      <c r="D4" s="153" t="s">
        <v>569</v>
      </c>
      <c r="E4" s="154" t="s">
        <v>570</v>
      </c>
      <c r="F4" s="154" t="s">
        <v>49</v>
      </c>
      <c r="G4" s="155" t="s">
        <v>45</v>
      </c>
      <c r="H4" s="153" t="s">
        <v>569</v>
      </c>
      <c r="I4" s="154" t="s">
        <v>570</v>
      </c>
      <c r="J4" s="154" t="s">
        <v>49</v>
      </c>
      <c r="K4" s="121" t="s">
        <v>179</v>
      </c>
      <c r="L4" s="122">
        <v>2022</v>
      </c>
      <c r="M4" s="123">
        <v>2022</v>
      </c>
      <c r="N4" s="123">
        <v>2021</v>
      </c>
    </row>
    <row r="5" spans="1:14" ht="13.4" customHeight="1" x14ac:dyDescent="0.25">
      <c r="A5" s="156" t="s">
        <v>200</v>
      </c>
      <c r="B5" s="157"/>
      <c r="C5" s="158"/>
      <c r="D5" s="159"/>
      <c r="E5" s="160"/>
      <c r="F5" s="160"/>
      <c r="G5" s="161"/>
      <c r="H5" s="159"/>
      <c r="I5" s="160"/>
      <c r="J5" s="160"/>
      <c r="K5" s="119"/>
      <c r="L5" s="162"/>
      <c r="M5" s="160"/>
      <c r="N5" s="160"/>
    </row>
    <row r="6" spans="1:14" ht="13.4" customHeight="1" x14ac:dyDescent="0.25">
      <c r="A6" s="133" t="s">
        <v>610</v>
      </c>
      <c r="B6" s="1657">
        <v>57.65</v>
      </c>
      <c r="C6" s="163">
        <v>55.47</v>
      </c>
      <c r="D6" s="1658">
        <v>54.68</v>
      </c>
      <c r="E6" s="1659">
        <v>54.52</v>
      </c>
      <c r="F6" s="1659">
        <v>54.13</v>
      </c>
      <c r="G6" s="1660">
        <v>54.94</v>
      </c>
      <c r="H6" s="1658">
        <v>53.28</v>
      </c>
      <c r="I6" s="1659">
        <v>53.26</v>
      </c>
      <c r="J6" s="1659">
        <v>52.29</v>
      </c>
      <c r="K6" s="1661">
        <v>57.65</v>
      </c>
      <c r="L6" s="1662">
        <v>54.13</v>
      </c>
      <c r="M6" s="1659">
        <v>54.68</v>
      </c>
      <c r="N6" s="1659">
        <v>53.28</v>
      </c>
    </row>
    <row r="7" spans="1:14" ht="13.4" customHeight="1" x14ac:dyDescent="0.25">
      <c r="A7" s="134"/>
      <c r="B7" s="1663"/>
      <c r="C7" s="164"/>
      <c r="D7" s="1664"/>
      <c r="E7" s="1665"/>
      <c r="F7" s="1665"/>
      <c r="G7" s="1666"/>
      <c r="H7" s="1664"/>
      <c r="I7" s="1665"/>
      <c r="J7" s="1665"/>
      <c r="K7" s="1667"/>
      <c r="L7" s="1668"/>
      <c r="M7" s="1665"/>
      <c r="N7" s="1665"/>
    </row>
    <row r="8" spans="1:14" ht="13.4" customHeight="1" x14ac:dyDescent="0.25">
      <c r="A8" s="134" t="s">
        <v>201</v>
      </c>
      <c r="B8" s="1663"/>
      <c r="C8" s="164"/>
      <c r="D8" s="1664"/>
      <c r="E8" s="1665"/>
      <c r="F8" s="1665"/>
      <c r="G8" s="1666"/>
      <c r="H8" s="1664"/>
      <c r="I8" s="1665"/>
      <c r="J8" s="1665"/>
      <c r="K8" s="1667"/>
      <c r="L8" s="1668"/>
      <c r="M8" s="1665"/>
      <c r="N8" s="1665"/>
    </row>
    <row r="9" spans="1:14" ht="13.4" customHeight="1" x14ac:dyDescent="0.25">
      <c r="A9" s="131" t="s">
        <v>743</v>
      </c>
      <c r="B9" s="1571">
        <v>74.41</v>
      </c>
      <c r="C9" s="165">
        <v>72.040000000000006</v>
      </c>
      <c r="D9" s="1573">
        <v>81.98</v>
      </c>
      <c r="E9" s="1574">
        <v>86.22</v>
      </c>
      <c r="F9" s="1574">
        <v>95</v>
      </c>
      <c r="G9" s="1572">
        <v>93.34</v>
      </c>
      <c r="H9" s="1573">
        <v>83.11</v>
      </c>
      <c r="I9" s="1574">
        <v>82.35</v>
      </c>
      <c r="J9" s="1574">
        <v>80.16</v>
      </c>
      <c r="K9" s="1575">
        <v>74.41</v>
      </c>
      <c r="L9" s="1576">
        <v>95</v>
      </c>
      <c r="M9" s="1574">
        <v>95</v>
      </c>
      <c r="N9" s="1574">
        <v>83.11</v>
      </c>
    </row>
    <row r="10" spans="1:14" ht="13.4" customHeight="1" x14ac:dyDescent="0.25">
      <c r="A10" s="131" t="s">
        <v>744</v>
      </c>
      <c r="B10" s="1571">
        <v>63.85</v>
      </c>
      <c r="C10" s="165">
        <v>64.06</v>
      </c>
      <c r="D10" s="1573">
        <v>63.19</v>
      </c>
      <c r="E10" s="1574">
        <v>71.209999999999994</v>
      </c>
      <c r="F10" s="1574">
        <v>81.25</v>
      </c>
      <c r="G10" s="1572">
        <v>79.62</v>
      </c>
      <c r="H10" s="1573">
        <v>75.84</v>
      </c>
      <c r="I10" s="1574">
        <v>76.56</v>
      </c>
      <c r="J10" s="1574">
        <v>68.290000000000006</v>
      </c>
      <c r="K10" s="1575">
        <v>63.85</v>
      </c>
      <c r="L10" s="1576">
        <v>79.62</v>
      </c>
      <c r="M10" s="1574">
        <v>63.19</v>
      </c>
      <c r="N10" s="1574">
        <v>55.11</v>
      </c>
    </row>
    <row r="11" spans="1:14" ht="13.4" customHeight="1" x14ac:dyDescent="0.25">
      <c r="A11" s="131" t="s">
        <v>202</v>
      </c>
      <c r="B11" s="1571">
        <v>67.63</v>
      </c>
      <c r="C11" s="165">
        <v>72.03</v>
      </c>
      <c r="D11" s="1573">
        <v>65.849999999999994</v>
      </c>
      <c r="E11" s="1574">
        <v>78.010000000000005</v>
      </c>
      <c r="F11" s="1574">
        <v>81.349999999999994</v>
      </c>
      <c r="G11" s="1572">
        <v>91.56</v>
      </c>
      <c r="H11" s="1573">
        <v>81.14</v>
      </c>
      <c r="I11" s="1574">
        <v>77.87</v>
      </c>
      <c r="J11" s="1574">
        <v>78.27</v>
      </c>
      <c r="K11" s="1575">
        <v>67.63</v>
      </c>
      <c r="L11" s="1576">
        <v>81.349999999999994</v>
      </c>
      <c r="M11" s="1574">
        <v>65.849999999999994</v>
      </c>
      <c r="N11" s="1574">
        <v>81.14</v>
      </c>
    </row>
    <row r="12" spans="1:14" ht="13.4" customHeight="1" x14ac:dyDescent="0.25">
      <c r="A12" s="131"/>
      <c r="B12" s="1669"/>
      <c r="C12" s="166"/>
      <c r="D12" s="1670"/>
      <c r="E12" s="1671"/>
      <c r="F12" s="1671"/>
      <c r="G12" s="1672"/>
      <c r="H12" s="1670"/>
      <c r="I12" s="1671"/>
      <c r="J12" s="1671"/>
      <c r="K12" s="1673"/>
      <c r="L12" s="1674"/>
      <c r="M12" s="1671"/>
      <c r="N12" s="1671"/>
    </row>
    <row r="13" spans="1:14" ht="13.4" customHeight="1" x14ac:dyDescent="0.25">
      <c r="A13" s="134" t="s">
        <v>611</v>
      </c>
      <c r="B13" s="1577">
        <v>117.3</v>
      </c>
      <c r="C13" s="167">
        <v>129.80000000000001</v>
      </c>
      <c r="D13" s="1579">
        <v>120.4</v>
      </c>
      <c r="E13" s="1580">
        <v>143.1</v>
      </c>
      <c r="F13" s="1580">
        <v>150.30000000000001</v>
      </c>
      <c r="G13" s="1578">
        <v>166.6</v>
      </c>
      <c r="H13" s="1579">
        <v>152.30000000000001</v>
      </c>
      <c r="I13" s="1580">
        <v>146.19999999999999</v>
      </c>
      <c r="J13" s="1580">
        <v>149.69999999999999</v>
      </c>
      <c r="K13" s="1581">
        <v>117.3</v>
      </c>
      <c r="L13" s="1582">
        <v>150.30000000000001</v>
      </c>
      <c r="M13" s="1675">
        <v>120.4</v>
      </c>
      <c r="N13" s="1580">
        <v>152.30000000000001</v>
      </c>
    </row>
    <row r="14" spans="1:14" ht="13.4" customHeight="1" x14ac:dyDescent="0.25">
      <c r="A14" s="134" t="s">
        <v>612</v>
      </c>
      <c r="B14" s="1577">
        <v>9.9</v>
      </c>
      <c r="C14" s="167">
        <v>9.9</v>
      </c>
      <c r="D14" s="1579">
        <v>8.1999999999999993</v>
      </c>
      <c r="E14" s="1580">
        <v>9.3000000000000007</v>
      </c>
      <c r="F14" s="1580">
        <v>9.8000000000000007</v>
      </c>
      <c r="G14" s="1578">
        <v>11.4</v>
      </c>
      <c r="H14" s="1579">
        <v>10.5</v>
      </c>
      <c r="I14" s="1580">
        <v>10.8</v>
      </c>
      <c r="J14" s="1580">
        <v>12.4</v>
      </c>
      <c r="K14" s="1579">
        <v>9.9</v>
      </c>
      <c r="L14" s="1676">
        <v>9.8000000000000007</v>
      </c>
      <c r="M14" s="1675">
        <v>8.1999999999999993</v>
      </c>
      <c r="N14" s="1675">
        <v>10.5</v>
      </c>
    </row>
    <row r="15" spans="1:14" ht="13.4" customHeight="1" x14ac:dyDescent="0.25">
      <c r="A15" s="134" t="s">
        <v>689</v>
      </c>
      <c r="B15" s="1565">
        <v>81033</v>
      </c>
      <c r="C15" s="139">
        <v>85842</v>
      </c>
      <c r="D15" s="1567">
        <v>78452</v>
      </c>
      <c r="E15" s="1568">
        <v>93059</v>
      </c>
      <c r="F15" s="1568">
        <v>97441</v>
      </c>
      <c r="G15" s="1566">
        <v>110274</v>
      </c>
      <c r="H15" s="1567">
        <v>98612</v>
      </c>
      <c r="I15" s="1568">
        <v>94620</v>
      </c>
      <c r="J15" s="1568">
        <v>94988</v>
      </c>
      <c r="K15" s="1569">
        <v>81033</v>
      </c>
      <c r="L15" s="1570">
        <v>97441</v>
      </c>
      <c r="M15" s="1635">
        <v>78452</v>
      </c>
      <c r="N15" s="1635">
        <v>98612</v>
      </c>
    </row>
    <row r="16" spans="1:14" ht="13.4" customHeight="1" x14ac:dyDescent="0.25">
      <c r="A16" s="168"/>
      <c r="B16" s="1677"/>
      <c r="C16" s="169"/>
      <c r="D16" s="1678"/>
      <c r="E16" s="1679"/>
      <c r="F16" s="1679"/>
      <c r="G16" s="1680"/>
      <c r="H16" s="1678"/>
      <c r="I16" s="1679"/>
      <c r="J16" s="1679"/>
      <c r="K16" s="1681"/>
      <c r="L16" s="1682"/>
      <c r="M16" s="1683"/>
      <c r="N16" s="1683"/>
    </row>
    <row r="17" spans="1:14" ht="13.4" customHeight="1" x14ac:dyDescent="0.25">
      <c r="A17" s="156" t="s">
        <v>203</v>
      </c>
      <c r="B17" s="1684"/>
      <c r="C17" s="158"/>
      <c r="D17" s="1685"/>
      <c r="E17" s="1686"/>
      <c r="F17" s="1686"/>
      <c r="G17" s="1687"/>
      <c r="H17" s="1685"/>
      <c r="I17" s="1686"/>
      <c r="J17" s="1686"/>
      <c r="K17" s="1688"/>
      <c r="L17" s="1689"/>
      <c r="M17" s="1686"/>
      <c r="N17" s="1686"/>
    </row>
    <row r="18" spans="1:14" ht="13.4" customHeight="1" x14ac:dyDescent="0.25">
      <c r="A18" s="133" t="s">
        <v>690</v>
      </c>
      <c r="B18" s="1614">
        <v>1227</v>
      </c>
      <c r="C18" s="170">
        <v>1228</v>
      </c>
      <c r="D18" s="1616">
        <v>1227</v>
      </c>
      <c r="E18" s="1617">
        <v>1229</v>
      </c>
      <c r="F18" s="1617">
        <v>1195</v>
      </c>
      <c r="G18" s="1615">
        <v>1207</v>
      </c>
      <c r="H18" s="1616">
        <v>1095</v>
      </c>
      <c r="I18" s="1617">
        <v>1093</v>
      </c>
      <c r="J18" s="1617">
        <v>1092</v>
      </c>
      <c r="K18" s="1616">
        <v>2455</v>
      </c>
      <c r="L18" s="1690">
        <v>2402</v>
      </c>
      <c r="M18" s="1691">
        <v>4858</v>
      </c>
      <c r="N18" s="1691">
        <v>4371</v>
      </c>
    </row>
    <row r="19" spans="1:14" ht="13.4" customHeight="1" x14ac:dyDescent="0.25">
      <c r="A19" s="134" t="s">
        <v>204</v>
      </c>
      <c r="B19" s="1571">
        <v>1.03</v>
      </c>
      <c r="C19" s="165">
        <v>1.03</v>
      </c>
      <c r="D19" s="1573">
        <v>1.03</v>
      </c>
      <c r="E19" s="1574">
        <v>1.03</v>
      </c>
      <c r="F19" s="1574">
        <v>1</v>
      </c>
      <c r="G19" s="1572">
        <v>1</v>
      </c>
      <c r="H19" s="1573">
        <v>0.9</v>
      </c>
      <c r="I19" s="1574">
        <v>0.9</v>
      </c>
      <c r="J19" s="1574">
        <v>0.9</v>
      </c>
      <c r="K19" s="1573">
        <v>2.06</v>
      </c>
      <c r="L19" s="1636">
        <v>2</v>
      </c>
      <c r="M19" s="1637">
        <v>4.0599999999999996</v>
      </c>
      <c r="N19" s="1637">
        <v>3.6</v>
      </c>
    </row>
    <row r="20" spans="1:14" ht="13.4" customHeight="1" x14ac:dyDescent="0.25">
      <c r="A20" s="168"/>
      <c r="B20" s="1677"/>
      <c r="C20" s="169"/>
      <c r="D20" s="1678"/>
      <c r="E20" s="1679"/>
      <c r="F20" s="1679"/>
      <c r="G20" s="1680"/>
      <c r="H20" s="1678"/>
      <c r="I20" s="1679"/>
      <c r="J20" s="1679"/>
      <c r="K20" s="1681"/>
      <c r="L20" s="1682"/>
      <c r="M20" s="1683"/>
      <c r="N20" s="1683"/>
    </row>
    <row r="21" spans="1:14" ht="13.4" customHeight="1" x14ac:dyDescent="0.25">
      <c r="A21" s="156" t="s">
        <v>205</v>
      </c>
      <c r="B21" s="1684"/>
      <c r="C21" s="158"/>
      <c r="D21" s="1685"/>
      <c r="E21" s="1686"/>
      <c r="F21" s="1686"/>
      <c r="G21" s="1687"/>
      <c r="H21" s="1685"/>
      <c r="I21" s="1686"/>
      <c r="J21" s="1686"/>
      <c r="K21" s="1688"/>
      <c r="L21" s="1689"/>
      <c r="M21" s="1686"/>
      <c r="N21" s="1686"/>
    </row>
    <row r="22" spans="1:14" ht="13.4" customHeight="1" x14ac:dyDescent="0.25">
      <c r="A22" s="133" t="s">
        <v>691</v>
      </c>
      <c r="B22" s="1614">
        <v>1198</v>
      </c>
      <c r="C22" s="170">
        <v>1192</v>
      </c>
      <c r="D22" s="1616">
        <v>1191</v>
      </c>
      <c r="E22" s="1617">
        <v>1193</v>
      </c>
      <c r="F22" s="1617">
        <v>1198</v>
      </c>
      <c r="G22" s="1615">
        <v>1204</v>
      </c>
      <c r="H22" s="1616">
        <v>1215</v>
      </c>
      <c r="I22" s="1617">
        <v>1215</v>
      </c>
      <c r="J22" s="1617">
        <v>1214</v>
      </c>
      <c r="K22" s="1692"/>
      <c r="L22" s="1693"/>
      <c r="M22" s="1694"/>
      <c r="N22" s="1694"/>
    </row>
    <row r="23" spans="1:14" ht="13.4" customHeight="1" x14ac:dyDescent="0.25">
      <c r="A23" s="134" t="s">
        <v>692</v>
      </c>
      <c r="B23" s="1583"/>
      <c r="C23" s="171"/>
      <c r="D23" s="1585"/>
      <c r="E23" s="1586"/>
      <c r="F23" s="1586"/>
      <c r="G23" s="1584"/>
      <c r="H23" s="1585"/>
      <c r="I23" s="1586"/>
      <c r="J23" s="1586"/>
      <c r="K23" s="1695"/>
      <c r="L23" s="1588"/>
      <c r="M23" s="1696"/>
      <c r="N23" s="1696"/>
    </row>
    <row r="24" spans="1:14" ht="13.4" customHeight="1" x14ac:dyDescent="0.25">
      <c r="A24" s="131" t="s">
        <v>206</v>
      </c>
      <c r="B24" s="1565">
        <v>1192</v>
      </c>
      <c r="C24" s="139">
        <v>1192</v>
      </c>
      <c r="D24" s="1567">
        <v>1192</v>
      </c>
      <c r="E24" s="1568">
        <v>1195</v>
      </c>
      <c r="F24" s="1568">
        <v>1199</v>
      </c>
      <c r="G24" s="1566">
        <v>1211</v>
      </c>
      <c r="H24" s="1567">
        <v>1215</v>
      </c>
      <c r="I24" s="1568">
        <v>1215</v>
      </c>
      <c r="J24" s="1568">
        <v>1213</v>
      </c>
      <c r="K24" s="1697">
        <v>1192</v>
      </c>
      <c r="L24" s="1570">
        <v>1205</v>
      </c>
      <c r="M24" s="1635">
        <v>1199</v>
      </c>
      <c r="N24" s="1635">
        <v>1214</v>
      </c>
    </row>
    <row r="25" spans="1:14" ht="13.4" customHeight="1" x14ac:dyDescent="0.25">
      <c r="A25" s="131" t="s">
        <v>207</v>
      </c>
      <c r="B25" s="1565">
        <v>1197</v>
      </c>
      <c r="C25" s="139">
        <v>1199</v>
      </c>
      <c r="D25" s="1567">
        <v>1199</v>
      </c>
      <c r="E25" s="1568">
        <v>1203</v>
      </c>
      <c r="F25" s="1568">
        <v>1201</v>
      </c>
      <c r="G25" s="1566">
        <v>1230</v>
      </c>
      <c r="H25" s="1567">
        <v>1224</v>
      </c>
      <c r="I25" s="1568">
        <v>1223</v>
      </c>
      <c r="J25" s="1568">
        <v>1223</v>
      </c>
      <c r="K25" s="1697">
        <v>1199</v>
      </c>
      <c r="L25" s="1570">
        <v>1225</v>
      </c>
      <c r="M25" s="1635">
        <v>1208</v>
      </c>
      <c r="N25" s="1635">
        <v>1225</v>
      </c>
    </row>
    <row r="26" spans="1:14" ht="13.4" customHeight="1" x14ac:dyDescent="0.25">
      <c r="A26" s="135"/>
      <c r="B26" s="1677"/>
      <c r="C26" s="169"/>
      <c r="D26" s="1678"/>
      <c r="E26" s="1679"/>
      <c r="F26" s="1679"/>
      <c r="G26" s="1680"/>
      <c r="H26" s="1678"/>
      <c r="I26" s="1679"/>
      <c r="J26" s="1679"/>
      <c r="K26" s="1698"/>
      <c r="L26" s="1682"/>
      <c r="M26" s="1679"/>
      <c r="N26" s="1679"/>
    </row>
    <row r="27" spans="1:14" ht="13.4" customHeight="1" x14ac:dyDescent="0.25">
      <c r="A27" s="156" t="s">
        <v>745</v>
      </c>
      <c r="B27" s="1684"/>
      <c r="C27" s="158"/>
      <c r="D27" s="1685"/>
      <c r="E27" s="1686"/>
      <c r="F27" s="1686"/>
      <c r="G27" s="1687"/>
      <c r="H27" s="1685"/>
      <c r="I27" s="1686"/>
      <c r="J27" s="1686"/>
      <c r="K27" s="1699"/>
      <c r="L27" s="1689"/>
      <c r="M27" s="1686"/>
      <c r="N27" s="1686"/>
    </row>
    <row r="28" spans="1:14" ht="13.4" customHeight="1" x14ac:dyDescent="0.25">
      <c r="A28" s="133" t="s">
        <v>613</v>
      </c>
      <c r="B28" s="1614">
        <v>91030</v>
      </c>
      <c r="C28" s="170">
        <v>91264</v>
      </c>
      <c r="D28" s="1616">
        <v>90979</v>
      </c>
      <c r="E28" s="1617">
        <v>90978</v>
      </c>
      <c r="F28" s="1617">
        <v>90619</v>
      </c>
      <c r="G28" s="1615">
        <v>89782</v>
      </c>
      <c r="H28" s="1616">
        <v>89488</v>
      </c>
      <c r="I28" s="1617">
        <v>90833</v>
      </c>
      <c r="J28" s="1617">
        <v>89847</v>
      </c>
      <c r="K28" s="1700"/>
      <c r="L28" s="1701"/>
      <c r="M28" s="1702"/>
      <c r="N28" s="1702"/>
    </row>
    <row r="29" spans="1:14" ht="13.4" customHeight="1" x14ac:dyDescent="0.25">
      <c r="A29" s="134" t="s">
        <v>746</v>
      </c>
      <c r="B29" s="1565">
        <v>2398</v>
      </c>
      <c r="C29" s="139">
        <v>2411</v>
      </c>
      <c r="D29" s="1567">
        <v>2439</v>
      </c>
      <c r="E29" s="1568">
        <v>2447</v>
      </c>
      <c r="F29" s="1568">
        <v>2460</v>
      </c>
      <c r="G29" s="1566">
        <v>2479</v>
      </c>
      <c r="H29" s="1567">
        <v>2573</v>
      </c>
      <c r="I29" s="1568">
        <v>2610</v>
      </c>
      <c r="J29" s="1568">
        <v>2624</v>
      </c>
      <c r="K29" s="1626"/>
      <c r="L29" s="1627"/>
      <c r="M29" s="1628"/>
      <c r="N29" s="1628"/>
    </row>
    <row r="30" spans="1:14" ht="13.4" customHeight="1" x14ac:dyDescent="0.25">
      <c r="A30" s="134" t="s">
        <v>99</v>
      </c>
      <c r="B30" s="1565">
        <v>8561</v>
      </c>
      <c r="C30" s="139">
        <v>8540</v>
      </c>
      <c r="D30" s="1567">
        <v>8610</v>
      </c>
      <c r="E30" s="1568">
        <v>8619</v>
      </c>
      <c r="F30" s="1568">
        <v>8501</v>
      </c>
      <c r="G30" s="1566">
        <v>8505</v>
      </c>
      <c r="H30" s="1567">
        <v>8610</v>
      </c>
      <c r="I30" s="1568">
        <v>8609</v>
      </c>
      <c r="J30" s="1568">
        <v>8695</v>
      </c>
      <c r="K30" s="1626"/>
      <c r="L30" s="1627"/>
      <c r="M30" s="1628"/>
      <c r="N30" s="1628"/>
    </row>
    <row r="31" spans="1:14" ht="13.4" customHeight="1" x14ac:dyDescent="0.25">
      <c r="A31" s="168"/>
      <c r="B31" s="1677"/>
      <c r="C31" s="169"/>
      <c r="D31" s="1703"/>
      <c r="E31" s="1704"/>
      <c r="F31" s="1704"/>
      <c r="G31" s="1705"/>
      <c r="H31" s="1678"/>
      <c r="I31" s="1679"/>
      <c r="J31" s="1679"/>
      <c r="K31" s="1706"/>
      <c r="L31" s="1707"/>
      <c r="M31" s="1708"/>
      <c r="N31" s="1708"/>
    </row>
    <row r="32" spans="1:14" ht="13.4" customHeight="1" x14ac:dyDescent="0.25">
      <c r="A32" s="156" t="s">
        <v>209</v>
      </c>
      <c r="B32" s="1684"/>
      <c r="C32" s="158"/>
      <c r="D32" s="1685"/>
      <c r="E32" s="1686"/>
      <c r="F32" s="1686"/>
      <c r="G32" s="1687"/>
      <c r="H32" s="1685"/>
      <c r="I32" s="1686"/>
      <c r="J32" s="1686"/>
      <c r="K32" s="1699"/>
      <c r="L32" s="1689"/>
      <c r="M32" s="172"/>
      <c r="N32" s="172"/>
    </row>
    <row r="33" spans="1:14" ht="13.4" customHeight="1" x14ac:dyDescent="0.25">
      <c r="A33" s="133" t="s">
        <v>747</v>
      </c>
      <c r="B33" s="1709" t="s">
        <v>748</v>
      </c>
      <c r="C33" s="173" t="s">
        <v>749</v>
      </c>
      <c r="D33" s="1710" t="s">
        <v>749</v>
      </c>
      <c r="E33" s="1711" t="s">
        <v>749</v>
      </c>
      <c r="F33" s="1711" t="s">
        <v>749</v>
      </c>
      <c r="G33" s="1712" t="s">
        <v>749</v>
      </c>
      <c r="H33" s="1713" t="s">
        <v>750</v>
      </c>
      <c r="I33" s="1714" t="s">
        <v>750</v>
      </c>
      <c r="J33" s="1714" t="s">
        <v>750</v>
      </c>
      <c r="K33" s="1700"/>
      <c r="L33" s="1701"/>
      <c r="M33" s="1702"/>
      <c r="N33" s="1702"/>
    </row>
    <row r="34" spans="1:14" ht="13.4" customHeight="1" x14ac:dyDescent="0.25">
      <c r="A34" s="134" t="s">
        <v>751</v>
      </c>
      <c r="B34" s="1715" t="s">
        <v>752</v>
      </c>
      <c r="C34" s="174" t="s">
        <v>753</v>
      </c>
      <c r="D34" s="1716" t="s">
        <v>753</v>
      </c>
      <c r="E34" s="1717" t="s">
        <v>753</v>
      </c>
      <c r="F34" s="1717" t="s">
        <v>753</v>
      </c>
      <c r="G34" s="1718" t="s">
        <v>753</v>
      </c>
      <c r="H34" s="1719" t="s">
        <v>754</v>
      </c>
      <c r="I34" s="1720" t="s">
        <v>754</v>
      </c>
      <c r="J34" s="1720" t="s">
        <v>754</v>
      </c>
      <c r="K34" s="1626"/>
      <c r="L34" s="1627"/>
      <c r="M34" s="1628"/>
      <c r="N34" s="1628"/>
    </row>
    <row r="35" spans="1:14" ht="13.4" customHeight="1" x14ac:dyDescent="0.25">
      <c r="A35" s="134" t="s">
        <v>755</v>
      </c>
      <c r="B35" s="1715" t="s">
        <v>756</v>
      </c>
      <c r="C35" s="174" t="s">
        <v>757</v>
      </c>
      <c r="D35" s="1716" t="s">
        <v>757</v>
      </c>
      <c r="E35" s="1717" t="s">
        <v>757</v>
      </c>
      <c r="F35" s="1717" t="s">
        <v>757</v>
      </c>
      <c r="G35" s="1718" t="s">
        <v>757</v>
      </c>
      <c r="H35" s="1719" t="s">
        <v>758</v>
      </c>
      <c r="I35" s="1720" t="s">
        <v>758</v>
      </c>
      <c r="J35" s="1720" t="s">
        <v>758</v>
      </c>
      <c r="K35" s="1626"/>
      <c r="L35" s="1627"/>
      <c r="M35" s="1628"/>
      <c r="N35" s="1628"/>
    </row>
    <row r="36" spans="1:14" ht="13.4" customHeight="1" x14ac:dyDescent="0.25">
      <c r="A36" s="135" t="s">
        <v>759</v>
      </c>
      <c r="B36" s="1721" t="s">
        <v>756</v>
      </c>
      <c r="C36" s="175" t="s">
        <v>757</v>
      </c>
      <c r="D36" s="1722" t="s">
        <v>757</v>
      </c>
      <c r="E36" s="1723" t="s">
        <v>757</v>
      </c>
      <c r="F36" s="1723" t="s">
        <v>757</v>
      </c>
      <c r="G36" s="1724" t="s">
        <v>757</v>
      </c>
      <c r="H36" s="1725" t="s">
        <v>758</v>
      </c>
      <c r="I36" s="1726" t="s">
        <v>758</v>
      </c>
      <c r="J36" s="1726" t="s">
        <v>758</v>
      </c>
      <c r="K36" s="1706"/>
      <c r="L36" s="1727"/>
      <c r="M36" s="1708"/>
      <c r="N36" s="1708"/>
    </row>
    <row r="37" spans="1:14" ht="13.4" customHeight="1" x14ac:dyDescent="0.25">
      <c r="A37" s="176"/>
      <c r="B37" s="177"/>
      <c r="C37" s="178"/>
      <c r="D37" s="179"/>
      <c r="E37" s="179"/>
      <c r="F37" s="179"/>
      <c r="G37" s="179"/>
      <c r="H37" s="180"/>
      <c r="I37" s="180"/>
      <c r="J37" s="180"/>
      <c r="K37" s="181"/>
      <c r="L37" s="181"/>
      <c r="M37" s="181"/>
      <c r="N37" s="181"/>
    </row>
    <row r="38" spans="1:14" ht="9" customHeight="1" x14ac:dyDescent="0.25">
      <c r="A38" s="1508" t="s">
        <v>737</v>
      </c>
      <c r="B38" s="1508"/>
      <c r="C38" s="1508"/>
      <c r="D38" s="1508"/>
      <c r="E38" s="1508"/>
      <c r="F38" s="1508"/>
      <c r="G38" s="1508"/>
      <c r="H38" s="1508"/>
      <c r="I38" s="1508"/>
      <c r="J38" s="1508"/>
      <c r="K38" s="1508"/>
      <c r="L38" s="1508"/>
      <c r="M38" s="1508"/>
      <c r="N38" s="1509"/>
    </row>
    <row r="39" spans="1:14" ht="9" customHeight="1" x14ac:dyDescent="0.25">
      <c r="A39" s="1508" t="s">
        <v>213</v>
      </c>
      <c r="B39" s="1508"/>
      <c r="C39" s="1508"/>
      <c r="D39" s="1508"/>
      <c r="E39" s="1508"/>
      <c r="F39" s="1508"/>
      <c r="G39" s="1508"/>
      <c r="H39" s="1508"/>
      <c r="I39" s="1508"/>
      <c r="J39" s="1508"/>
      <c r="K39" s="1508"/>
      <c r="L39" s="1508"/>
      <c r="M39" s="1508"/>
      <c r="N39" s="1509"/>
    </row>
    <row r="40" spans="1:14" ht="9" customHeight="1" x14ac:dyDescent="0.25">
      <c r="A40" s="1508" t="s">
        <v>214</v>
      </c>
      <c r="B40" s="1508"/>
      <c r="C40" s="1508"/>
      <c r="D40" s="1508"/>
      <c r="E40" s="1508"/>
      <c r="F40" s="1508"/>
      <c r="G40" s="1508"/>
      <c r="H40" s="1508"/>
      <c r="I40" s="1508"/>
      <c r="J40" s="1508"/>
      <c r="K40" s="1508"/>
      <c r="L40" s="1508"/>
      <c r="M40" s="1508"/>
      <c r="N40" s="1509"/>
    </row>
    <row r="41" spans="1:14" ht="9" customHeight="1" x14ac:dyDescent="0.25">
      <c r="A41" s="1508" t="s">
        <v>215</v>
      </c>
      <c r="B41" s="1508"/>
      <c r="C41" s="1508"/>
      <c r="D41" s="1508"/>
      <c r="E41" s="1508"/>
      <c r="F41" s="1508"/>
      <c r="G41" s="1508"/>
      <c r="H41" s="1508"/>
      <c r="I41" s="1508"/>
      <c r="J41" s="1508"/>
      <c r="K41" s="1508"/>
      <c r="L41" s="1508"/>
      <c r="M41" s="1508"/>
      <c r="N41" s="1509"/>
    </row>
    <row r="42" spans="1:14" ht="9" customHeight="1" x14ac:dyDescent="0.25">
      <c r="A42" s="1508" t="s">
        <v>760</v>
      </c>
      <c r="B42" s="1508"/>
      <c r="C42" s="1508"/>
      <c r="D42" s="1508"/>
      <c r="E42" s="1508"/>
      <c r="F42" s="1508"/>
      <c r="G42" s="1508"/>
      <c r="H42" s="1508"/>
      <c r="I42" s="1508"/>
      <c r="J42" s="1508"/>
      <c r="K42" s="1508"/>
      <c r="L42" s="1508"/>
      <c r="M42" s="1508"/>
      <c r="N42" s="1509"/>
    </row>
    <row r="43" spans="1:14" ht="9" customHeight="1" x14ac:dyDescent="0.25">
      <c r="A43" s="1508" t="s">
        <v>761</v>
      </c>
      <c r="B43" s="1508"/>
      <c r="C43" s="1508"/>
      <c r="D43" s="1508"/>
      <c r="E43" s="1508"/>
      <c r="F43" s="1508"/>
      <c r="G43" s="1508"/>
      <c r="H43" s="1508"/>
      <c r="I43" s="1508"/>
      <c r="J43" s="1508"/>
      <c r="K43" s="1508"/>
      <c r="L43" s="1508"/>
      <c r="M43" s="1508"/>
      <c r="N43" s="1509"/>
    </row>
  </sheetData>
  <mergeCells count="6">
    <mergeCell ref="A2:N2"/>
    <mergeCell ref="B3:C3"/>
    <mergeCell ref="D3:G3"/>
    <mergeCell ref="H3:J3"/>
    <mergeCell ref="K3:L3"/>
    <mergeCell ref="M3:N3"/>
  </mergeCells>
  <hyperlinks>
    <hyperlink ref="A1" location="TDM!A1" display=" Retour à la table des matières" xr:uid="{C6025AD0-D8CB-474B-8FFF-950DA99E189A}"/>
  </hyperlinks>
  <printOptions horizontalCentered="1"/>
  <pageMargins left="0.51181102362204722" right="0.51181102362204722" top="0.51181102362204722" bottom="0.51181102362204722" header="0.23622047244094491" footer="0.23622047244094491"/>
  <pageSetup scale="63" orientation="landscape" r:id="rId1"/>
  <headerFooter>
    <oddFooter>&amp;L&amp;G&amp;C&amp;"Scotia,Regular"&amp;9Informations financières supplémentaires (IFS)&amp;R&amp;"Scotia,Regular"&amp;9&amp;A</oddFooter>
  </headerFooter>
  <legacyDrawingHF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29C8E1-60A6-44FE-B630-7804FE205CA4}">
  <sheetPr>
    <pageSetUpPr fitToPage="1"/>
  </sheetPr>
  <dimension ref="A1:N34"/>
  <sheetViews>
    <sheetView showGridLines="0" zoomScaleNormal="100" workbookViewId="0"/>
  </sheetViews>
  <sheetFormatPr defaultColWidth="8.7265625" defaultRowHeight="12.5" x14ac:dyDescent="0.25"/>
  <cols>
    <col min="1" max="1" width="91.54296875" style="25" customWidth="1"/>
    <col min="2" max="2" width="8.7265625" style="25" customWidth="1"/>
    <col min="3" max="11" width="9.1796875" style="25" customWidth="1"/>
    <col min="12" max="12" width="10.81640625" style="25" customWidth="1"/>
    <col min="13" max="14" width="9.1796875" style="25" customWidth="1"/>
    <col min="15" max="16384" width="8.7265625" style="25"/>
  </cols>
  <sheetData>
    <row r="1" spans="1:14" ht="20.149999999999999" customHeight="1" x14ac:dyDescent="0.25">
      <c r="A1" s="24" t="s">
        <v>567</v>
      </c>
    </row>
    <row r="2" spans="1:14" ht="24.65" customHeight="1" x14ac:dyDescent="0.25">
      <c r="A2" s="3136" t="s">
        <v>15</v>
      </c>
      <c r="B2" s="3136" t="s">
        <v>38</v>
      </c>
      <c r="C2" s="3136" t="s">
        <v>38</v>
      </c>
      <c r="D2" s="3136" t="s">
        <v>38</v>
      </c>
      <c r="E2" s="3136" t="s">
        <v>38</v>
      </c>
      <c r="F2" s="3136" t="s">
        <v>38</v>
      </c>
      <c r="G2" s="3136" t="s">
        <v>38</v>
      </c>
      <c r="H2" s="3136" t="s">
        <v>38</v>
      </c>
      <c r="I2" s="3136" t="s">
        <v>38</v>
      </c>
      <c r="J2" s="3136" t="s">
        <v>38</v>
      </c>
      <c r="K2" s="3136" t="s">
        <v>38</v>
      </c>
      <c r="L2" s="3136" t="s">
        <v>38</v>
      </c>
      <c r="M2" s="3136" t="s">
        <v>38</v>
      </c>
      <c r="N2" s="3136" t="s">
        <v>38</v>
      </c>
    </row>
    <row r="3" spans="1:14" ht="13.4" customHeight="1" x14ac:dyDescent="0.25">
      <c r="A3" s="115"/>
      <c r="B3" s="3137" t="s">
        <v>174</v>
      </c>
      <c r="C3" s="3154" t="s">
        <v>38</v>
      </c>
      <c r="D3" s="3142">
        <v>2022</v>
      </c>
      <c r="E3" s="3155" t="s">
        <v>38</v>
      </c>
      <c r="F3" s="3155" t="s">
        <v>38</v>
      </c>
      <c r="G3" s="3156" t="s">
        <v>38</v>
      </c>
      <c r="H3" s="3142">
        <v>2021</v>
      </c>
      <c r="I3" s="3155" t="s">
        <v>38</v>
      </c>
      <c r="J3" s="3155" t="s">
        <v>38</v>
      </c>
      <c r="K3" s="3142" t="s">
        <v>716</v>
      </c>
      <c r="L3" s="3157" t="s">
        <v>38</v>
      </c>
      <c r="M3" s="3155" t="s">
        <v>717</v>
      </c>
      <c r="N3" s="3155" t="s">
        <v>38</v>
      </c>
    </row>
    <row r="4" spans="1:14" ht="13.4" customHeight="1" x14ac:dyDescent="0.25">
      <c r="A4" s="182" t="s">
        <v>46</v>
      </c>
      <c r="B4" s="151" t="s">
        <v>49</v>
      </c>
      <c r="C4" s="152" t="s">
        <v>45</v>
      </c>
      <c r="D4" s="153" t="s">
        <v>569</v>
      </c>
      <c r="E4" s="154" t="s">
        <v>570</v>
      </c>
      <c r="F4" s="154" t="s">
        <v>49</v>
      </c>
      <c r="G4" s="155" t="s">
        <v>45</v>
      </c>
      <c r="H4" s="153" t="s">
        <v>569</v>
      </c>
      <c r="I4" s="154" t="s">
        <v>570</v>
      </c>
      <c r="J4" s="154" t="s">
        <v>49</v>
      </c>
      <c r="K4" s="121" t="s">
        <v>179</v>
      </c>
      <c r="L4" s="183">
        <v>2022</v>
      </c>
      <c r="M4" s="123">
        <v>2022</v>
      </c>
      <c r="N4" s="123">
        <v>2021</v>
      </c>
    </row>
    <row r="5" spans="1:14" ht="13.4" customHeight="1" x14ac:dyDescent="0.25">
      <c r="A5" s="184" t="s">
        <v>217</v>
      </c>
      <c r="B5" s="1709">
        <v>13870</v>
      </c>
      <c r="C5" s="170">
        <v>13156</v>
      </c>
      <c r="D5" s="1616">
        <v>11118</v>
      </c>
      <c r="E5" s="1617">
        <v>8885</v>
      </c>
      <c r="F5" s="1617">
        <v>7092</v>
      </c>
      <c r="G5" s="1615">
        <v>6463</v>
      </c>
      <c r="H5" s="1616">
        <v>6186</v>
      </c>
      <c r="I5" s="1617">
        <v>6101</v>
      </c>
      <c r="J5" s="1617">
        <v>6187</v>
      </c>
      <c r="K5" s="1728">
        <v>27026</v>
      </c>
      <c r="L5" s="1729">
        <v>13555</v>
      </c>
      <c r="M5" s="1617">
        <v>33558</v>
      </c>
      <c r="N5" s="1617">
        <v>24986</v>
      </c>
    </row>
    <row r="6" spans="1:14" ht="13.4" customHeight="1" x14ac:dyDescent="0.25">
      <c r="A6" s="185" t="s">
        <v>218</v>
      </c>
      <c r="B6" s="1715">
        <v>9404</v>
      </c>
      <c r="C6" s="139">
        <v>8587</v>
      </c>
      <c r="D6" s="1567">
        <v>6496</v>
      </c>
      <c r="E6" s="1568">
        <v>4209</v>
      </c>
      <c r="F6" s="1568">
        <v>2619</v>
      </c>
      <c r="G6" s="1566">
        <v>2119</v>
      </c>
      <c r="H6" s="1567">
        <v>1969</v>
      </c>
      <c r="I6" s="1568">
        <v>1884</v>
      </c>
      <c r="J6" s="1568">
        <v>2011</v>
      </c>
      <c r="K6" s="1569">
        <v>17991</v>
      </c>
      <c r="L6" s="1730">
        <v>4738</v>
      </c>
      <c r="M6" s="1568">
        <v>15443</v>
      </c>
      <c r="N6" s="1568">
        <v>8025</v>
      </c>
    </row>
    <row r="7" spans="1:14" ht="13.4" customHeight="1" x14ac:dyDescent="0.25">
      <c r="A7" s="186" t="s">
        <v>219</v>
      </c>
      <c r="B7" s="1715">
        <v>4466</v>
      </c>
      <c r="C7" s="139">
        <v>4569</v>
      </c>
      <c r="D7" s="1567">
        <v>4622</v>
      </c>
      <c r="E7" s="1568">
        <v>4676</v>
      </c>
      <c r="F7" s="1568">
        <v>4473</v>
      </c>
      <c r="G7" s="1566">
        <v>4344</v>
      </c>
      <c r="H7" s="1567">
        <v>4217</v>
      </c>
      <c r="I7" s="1568">
        <v>4217</v>
      </c>
      <c r="J7" s="1568">
        <v>4176</v>
      </c>
      <c r="K7" s="1569">
        <v>9035</v>
      </c>
      <c r="L7" s="1730">
        <v>8817</v>
      </c>
      <c r="M7" s="1568">
        <v>18115</v>
      </c>
      <c r="N7" s="1568">
        <v>16961</v>
      </c>
    </row>
    <row r="8" spans="1:14" ht="13.4" customHeight="1" x14ac:dyDescent="0.25">
      <c r="A8" s="186"/>
      <c r="B8" s="1731"/>
      <c r="C8" s="171"/>
      <c r="D8" s="1585"/>
      <c r="E8" s="1586"/>
      <c r="F8" s="1586"/>
      <c r="G8" s="1584"/>
      <c r="H8" s="1585"/>
      <c r="I8" s="1586"/>
      <c r="J8" s="1586"/>
      <c r="K8" s="1587"/>
      <c r="L8" s="1732"/>
      <c r="M8" s="1586"/>
      <c r="N8" s="1586"/>
    </row>
    <row r="9" spans="1:14" ht="13.4" customHeight="1" x14ac:dyDescent="0.25">
      <c r="A9" s="185" t="s">
        <v>23</v>
      </c>
      <c r="B9" s="1715">
        <v>3463</v>
      </c>
      <c r="C9" s="139">
        <v>3411</v>
      </c>
      <c r="D9" s="1567">
        <v>3004</v>
      </c>
      <c r="E9" s="1568">
        <v>3123</v>
      </c>
      <c r="F9" s="1568">
        <v>3469</v>
      </c>
      <c r="G9" s="1566">
        <v>3705</v>
      </c>
      <c r="H9" s="1567">
        <v>3470</v>
      </c>
      <c r="I9" s="1568">
        <v>3540</v>
      </c>
      <c r="J9" s="1568">
        <v>3560</v>
      </c>
      <c r="K9" s="1569">
        <v>6874</v>
      </c>
      <c r="L9" s="1730">
        <v>7174</v>
      </c>
      <c r="M9" s="1568">
        <v>13301</v>
      </c>
      <c r="N9" s="1568">
        <v>14291</v>
      </c>
    </row>
    <row r="10" spans="1:14" ht="13.4" customHeight="1" x14ac:dyDescent="0.25">
      <c r="A10" s="186" t="s">
        <v>220</v>
      </c>
      <c r="B10" s="1715">
        <v>7929</v>
      </c>
      <c r="C10" s="139">
        <v>7980</v>
      </c>
      <c r="D10" s="1567">
        <v>7626</v>
      </c>
      <c r="E10" s="1568">
        <v>7799</v>
      </c>
      <c r="F10" s="1568">
        <v>7942</v>
      </c>
      <c r="G10" s="1566">
        <v>8049</v>
      </c>
      <c r="H10" s="1567">
        <v>7687</v>
      </c>
      <c r="I10" s="1568">
        <v>7757</v>
      </c>
      <c r="J10" s="1568">
        <v>7736</v>
      </c>
      <c r="K10" s="1569">
        <v>15909</v>
      </c>
      <c r="L10" s="1730">
        <v>15991</v>
      </c>
      <c r="M10" s="1568">
        <v>31416</v>
      </c>
      <c r="N10" s="1568">
        <v>31252</v>
      </c>
    </row>
    <row r="11" spans="1:14" ht="13.4" customHeight="1" x14ac:dyDescent="0.25">
      <c r="A11" s="186"/>
      <c r="B11" s="1731"/>
      <c r="C11" s="171"/>
      <c r="D11" s="1585"/>
      <c r="E11" s="1586"/>
      <c r="F11" s="1586"/>
      <c r="G11" s="1584"/>
      <c r="H11" s="1585"/>
      <c r="I11" s="1586"/>
      <c r="J11" s="1586"/>
      <c r="K11" s="1587"/>
      <c r="L11" s="1732"/>
      <c r="M11" s="1586"/>
      <c r="N11" s="1586"/>
    </row>
    <row r="12" spans="1:14" ht="13.4" customHeight="1" x14ac:dyDescent="0.25">
      <c r="A12" s="185" t="s">
        <v>58</v>
      </c>
      <c r="B12" s="1715">
        <v>709</v>
      </c>
      <c r="C12" s="139">
        <v>638</v>
      </c>
      <c r="D12" s="1567">
        <v>529</v>
      </c>
      <c r="E12" s="1568">
        <v>412</v>
      </c>
      <c r="F12" s="1568">
        <v>219</v>
      </c>
      <c r="G12" s="1566">
        <v>222</v>
      </c>
      <c r="H12" s="1567">
        <v>168</v>
      </c>
      <c r="I12" s="1568">
        <v>380</v>
      </c>
      <c r="J12" s="1568">
        <v>496</v>
      </c>
      <c r="K12" s="1569">
        <v>1347</v>
      </c>
      <c r="L12" s="1730">
        <v>441</v>
      </c>
      <c r="M12" s="1568">
        <v>1382</v>
      </c>
      <c r="N12" s="1568">
        <v>1808</v>
      </c>
    </row>
    <row r="13" spans="1:14" ht="13.4" customHeight="1" x14ac:dyDescent="0.25">
      <c r="A13" s="185" t="s">
        <v>221</v>
      </c>
      <c r="B13" s="1715">
        <v>4576</v>
      </c>
      <c r="C13" s="139">
        <v>4464</v>
      </c>
      <c r="D13" s="1567">
        <v>4529</v>
      </c>
      <c r="E13" s="1568">
        <v>4191</v>
      </c>
      <c r="F13" s="1568">
        <v>4159</v>
      </c>
      <c r="G13" s="1566">
        <v>4223</v>
      </c>
      <c r="H13" s="1567">
        <v>4271</v>
      </c>
      <c r="I13" s="1568">
        <v>4097</v>
      </c>
      <c r="J13" s="1568">
        <v>4042</v>
      </c>
      <c r="K13" s="1569">
        <v>9040</v>
      </c>
      <c r="L13" s="1730">
        <v>8382</v>
      </c>
      <c r="M13" s="1568">
        <v>17102</v>
      </c>
      <c r="N13" s="1568">
        <v>16618</v>
      </c>
    </row>
    <row r="14" spans="1:14" ht="13.4" customHeight="1" x14ac:dyDescent="0.25">
      <c r="A14" s="186" t="s">
        <v>56</v>
      </c>
      <c r="B14" s="1715">
        <v>2644</v>
      </c>
      <c r="C14" s="139">
        <v>2878</v>
      </c>
      <c r="D14" s="1567">
        <v>2568</v>
      </c>
      <c r="E14" s="1568">
        <v>3196</v>
      </c>
      <c r="F14" s="1568">
        <v>3564</v>
      </c>
      <c r="G14" s="1566">
        <v>3604</v>
      </c>
      <c r="H14" s="1567">
        <v>3248</v>
      </c>
      <c r="I14" s="1568">
        <v>3280</v>
      </c>
      <c r="J14" s="1568">
        <v>3198</v>
      </c>
      <c r="K14" s="1569">
        <v>5522</v>
      </c>
      <c r="L14" s="1730">
        <v>7168</v>
      </c>
      <c r="M14" s="1568">
        <v>12932</v>
      </c>
      <c r="N14" s="1568">
        <v>12826</v>
      </c>
    </row>
    <row r="15" spans="1:14" ht="13.4" customHeight="1" x14ac:dyDescent="0.25">
      <c r="A15" s="186"/>
      <c r="B15" s="1731"/>
      <c r="C15" s="171"/>
      <c r="D15" s="1585"/>
      <c r="E15" s="1586"/>
      <c r="F15" s="1586"/>
      <c r="G15" s="1584"/>
      <c r="H15" s="1585"/>
      <c r="I15" s="1586"/>
      <c r="J15" s="1586"/>
      <c r="K15" s="1587"/>
      <c r="L15" s="1732"/>
      <c r="M15" s="1586"/>
      <c r="N15" s="1586"/>
    </row>
    <row r="16" spans="1:14" ht="13.4" customHeight="1" x14ac:dyDescent="0.25">
      <c r="A16" s="185" t="s">
        <v>55</v>
      </c>
      <c r="B16" s="1715">
        <v>485</v>
      </c>
      <c r="C16" s="139">
        <v>1106</v>
      </c>
      <c r="D16" s="1567">
        <v>475</v>
      </c>
      <c r="E16" s="1568">
        <v>602</v>
      </c>
      <c r="F16" s="1568">
        <v>817</v>
      </c>
      <c r="G16" s="1566">
        <v>864</v>
      </c>
      <c r="H16" s="1567">
        <v>689</v>
      </c>
      <c r="I16" s="1568">
        <v>738</v>
      </c>
      <c r="J16" s="1568">
        <v>742</v>
      </c>
      <c r="K16" s="1569">
        <v>1591</v>
      </c>
      <c r="L16" s="1730">
        <v>1681</v>
      </c>
      <c r="M16" s="1568">
        <v>2758</v>
      </c>
      <c r="N16" s="1568">
        <v>2871</v>
      </c>
    </row>
    <row r="17" spans="1:14" ht="13.4" customHeight="1" x14ac:dyDescent="0.25">
      <c r="A17" s="186" t="s">
        <v>222</v>
      </c>
      <c r="B17" s="1715">
        <v>2159</v>
      </c>
      <c r="C17" s="139">
        <v>1772</v>
      </c>
      <c r="D17" s="1567">
        <v>2093</v>
      </c>
      <c r="E17" s="1568">
        <v>2594</v>
      </c>
      <c r="F17" s="1568">
        <v>2747</v>
      </c>
      <c r="G17" s="1566">
        <v>2740</v>
      </c>
      <c r="H17" s="1567">
        <v>2559</v>
      </c>
      <c r="I17" s="1568">
        <v>2542</v>
      </c>
      <c r="J17" s="1568">
        <v>2456</v>
      </c>
      <c r="K17" s="1569">
        <v>3931</v>
      </c>
      <c r="L17" s="1730">
        <v>5487</v>
      </c>
      <c r="M17" s="1568">
        <v>10174</v>
      </c>
      <c r="N17" s="1568">
        <v>9955</v>
      </c>
    </row>
    <row r="18" spans="1:14" ht="13.4" customHeight="1" x14ac:dyDescent="0.25">
      <c r="A18" s="187"/>
      <c r="B18" s="1731"/>
      <c r="C18" s="171"/>
      <c r="D18" s="1585"/>
      <c r="E18" s="1586"/>
      <c r="F18" s="1586"/>
      <c r="G18" s="1584"/>
      <c r="H18" s="1585"/>
      <c r="I18" s="1586"/>
      <c r="J18" s="1586"/>
      <c r="K18" s="1587"/>
      <c r="L18" s="1732"/>
      <c r="M18" s="1586"/>
      <c r="N18" s="1586"/>
    </row>
    <row r="19" spans="1:14" ht="13.4" customHeight="1" x14ac:dyDescent="0.25">
      <c r="A19" s="185" t="s">
        <v>614</v>
      </c>
      <c r="B19" s="1715">
        <v>15</v>
      </c>
      <c r="C19" s="139">
        <v>594</v>
      </c>
      <c r="D19" s="1567">
        <v>522</v>
      </c>
      <c r="E19" s="1568">
        <v>17</v>
      </c>
      <c r="F19" s="1568">
        <v>18</v>
      </c>
      <c r="G19" s="1566">
        <v>18</v>
      </c>
      <c r="H19" s="1567">
        <v>157</v>
      </c>
      <c r="I19" s="1568">
        <v>18</v>
      </c>
      <c r="J19" s="1568">
        <v>19</v>
      </c>
      <c r="K19" s="1569">
        <v>609</v>
      </c>
      <c r="L19" s="1730">
        <v>36</v>
      </c>
      <c r="M19" s="1568">
        <v>575</v>
      </c>
      <c r="N19" s="1568">
        <v>214</v>
      </c>
    </row>
    <row r="20" spans="1:14" ht="13.4" customHeight="1" x14ac:dyDescent="0.25">
      <c r="A20" s="186" t="s">
        <v>615</v>
      </c>
      <c r="B20" s="1715">
        <v>2174</v>
      </c>
      <c r="C20" s="139">
        <v>2366</v>
      </c>
      <c r="D20" s="1567">
        <v>2615</v>
      </c>
      <c r="E20" s="1568">
        <v>2611</v>
      </c>
      <c r="F20" s="1568">
        <v>2765</v>
      </c>
      <c r="G20" s="1566">
        <v>2758</v>
      </c>
      <c r="H20" s="1567">
        <v>2716</v>
      </c>
      <c r="I20" s="1568">
        <v>2560</v>
      </c>
      <c r="J20" s="1568">
        <v>2475</v>
      </c>
      <c r="K20" s="1569">
        <v>4540</v>
      </c>
      <c r="L20" s="1730">
        <v>5523</v>
      </c>
      <c r="M20" s="1568">
        <v>10749</v>
      </c>
      <c r="N20" s="1568">
        <v>10169</v>
      </c>
    </row>
    <row r="21" spans="1:14" ht="13.4" customHeight="1" x14ac:dyDescent="0.25">
      <c r="A21" s="186"/>
      <c r="B21" s="1731"/>
      <c r="C21" s="171"/>
      <c r="D21" s="1585"/>
      <c r="E21" s="1586"/>
      <c r="F21" s="1586"/>
      <c r="G21" s="1584"/>
      <c r="H21" s="1585"/>
      <c r="I21" s="1586"/>
      <c r="J21" s="1586"/>
      <c r="K21" s="1587"/>
      <c r="L21" s="1732"/>
      <c r="M21" s="1586"/>
      <c r="N21" s="1586"/>
    </row>
    <row r="22" spans="1:14" ht="13.4" customHeight="1" x14ac:dyDescent="0.25">
      <c r="A22" s="185" t="s">
        <v>762</v>
      </c>
      <c r="B22" s="1715">
        <v>26</v>
      </c>
      <c r="C22" s="139">
        <v>40</v>
      </c>
      <c r="D22" s="1567">
        <v>38</v>
      </c>
      <c r="E22" s="1568">
        <v>54</v>
      </c>
      <c r="F22" s="1568">
        <v>78</v>
      </c>
      <c r="G22" s="1566">
        <v>88</v>
      </c>
      <c r="H22" s="1567">
        <v>70</v>
      </c>
      <c r="I22" s="1568">
        <v>81</v>
      </c>
      <c r="J22" s="1568">
        <v>90</v>
      </c>
      <c r="K22" s="1569">
        <v>66</v>
      </c>
      <c r="L22" s="1730">
        <v>166</v>
      </c>
      <c r="M22" s="1568">
        <v>258</v>
      </c>
      <c r="N22" s="1568">
        <v>331</v>
      </c>
    </row>
    <row r="23" spans="1:14" ht="13.4" customHeight="1" x14ac:dyDescent="0.25">
      <c r="A23" s="185" t="s">
        <v>763</v>
      </c>
      <c r="B23" s="1715">
        <v>26</v>
      </c>
      <c r="C23" s="139">
        <v>40</v>
      </c>
      <c r="D23" s="1567">
        <v>39</v>
      </c>
      <c r="E23" s="1568">
        <v>54</v>
      </c>
      <c r="F23" s="1568">
        <v>78</v>
      </c>
      <c r="G23" s="1566">
        <v>88</v>
      </c>
      <c r="H23" s="1567">
        <v>80</v>
      </c>
      <c r="I23" s="1568">
        <v>81</v>
      </c>
      <c r="J23" s="1568">
        <v>90</v>
      </c>
      <c r="K23" s="1569">
        <v>66</v>
      </c>
      <c r="L23" s="1730">
        <v>166</v>
      </c>
      <c r="M23" s="1568">
        <v>259</v>
      </c>
      <c r="N23" s="1568">
        <v>341</v>
      </c>
    </row>
    <row r="24" spans="1:14" ht="13.4" customHeight="1" x14ac:dyDescent="0.25">
      <c r="A24" s="185"/>
      <c r="B24" s="1731"/>
      <c r="C24" s="171"/>
      <c r="D24" s="1585"/>
      <c r="E24" s="1586"/>
      <c r="F24" s="1586"/>
      <c r="G24" s="1584"/>
      <c r="H24" s="1585"/>
      <c r="I24" s="1586"/>
      <c r="J24" s="1586"/>
      <c r="K24" s="1587"/>
      <c r="L24" s="1732"/>
      <c r="M24" s="1586"/>
      <c r="N24" s="1586"/>
    </row>
    <row r="25" spans="1:14" ht="13.4" customHeight="1" x14ac:dyDescent="0.25">
      <c r="A25" s="185" t="s">
        <v>764</v>
      </c>
      <c r="B25" s="1715">
        <v>2133</v>
      </c>
      <c r="C25" s="139">
        <v>1732</v>
      </c>
      <c r="D25" s="1567">
        <v>2055</v>
      </c>
      <c r="E25" s="1568">
        <v>2540</v>
      </c>
      <c r="F25" s="1568">
        <v>2669</v>
      </c>
      <c r="G25" s="1566">
        <v>2652</v>
      </c>
      <c r="H25" s="1567">
        <v>2489</v>
      </c>
      <c r="I25" s="1568">
        <v>2461</v>
      </c>
      <c r="J25" s="1568">
        <v>2366</v>
      </c>
      <c r="K25" s="1569">
        <v>3865</v>
      </c>
      <c r="L25" s="1730">
        <v>5321</v>
      </c>
      <c r="M25" s="1568">
        <v>9916</v>
      </c>
      <c r="N25" s="1568">
        <v>9624</v>
      </c>
    </row>
    <row r="26" spans="1:14" ht="13.4" customHeight="1" x14ac:dyDescent="0.25">
      <c r="A26" s="134" t="s">
        <v>224</v>
      </c>
      <c r="B26" s="1733">
        <v>104</v>
      </c>
      <c r="C26" s="188">
        <v>101</v>
      </c>
      <c r="D26" s="1567">
        <v>106</v>
      </c>
      <c r="E26" s="1568">
        <v>36</v>
      </c>
      <c r="F26" s="1568">
        <v>74</v>
      </c>
      <c r="G26" s="1566">
        <v>44</v>
      </c>
      <c r="H26" s="1567">
        <v>78</v>
      </c>
      <c r="I26" s="1568">
        <v>35</v>
      </c>
      <c r="J26" s="1568">
        <v>77</v>
      </c>
      <c r="K26" s="1569">
        <v>205</v>
      </c>
      <c r="L26" s="1730">
        <v>118</v>
      </c>
      <c r="M26" s="1568">
        <v>260</v>
      </c>
      <c r="N26" s="1568">
        <v>233</v>
      </c>
    </row>
    <row r="27" spans="1:14" ht="13.4" customHeight="1" x14ac:dyDescent="0.25">
      <c r="A27" s="134" t="s">
        <v>225</v>
      </c>
      <c r="B27" s="1733">
        <v>2029</v>
      </c>
      <c r="C27" s="188">
        <v>1631</v>
      </c>
      <c r="D27" s="1567">
        <v>1949</v>
      </c>
      <c r="E27" s="1568">
        <v>2504</v>
      </c>
      <c r="F27" s="1568">
        <v>2595</v>
      </c>
      <c r="G27" s="1566">
        <v>2608</v>
      </c>
      <c r="H27" s="1567">
        <v>2411</v>
      </c>
      <c r="I27" s="1568">
        <v>2426</v>
      </c>
      <c r="J27" s="1568">
        <v>2289</v>
      </c>
      <c r="K27" s="1734">
        <v>3660</v>
      </c>
      <c r="L27" s="1735">
        <v>5203</v>
      </c>
      <c r="M27" s="1568">
        <v>9656</v>
      </c>
      <c r="N27" s="1568">
        <v>9391</v>
      </c>
    </row>
    <row r="28" spans="1:14" ht="13.4" customHeight="1" x14ac:dyDescent="0.25">
      <c r="A28" s="185" t="s">
        <v>765</v>
      </c>
      <c r="B28" s="1715">
        <v>2148</v>
      </c>
      <c r="C28" s="139">
        <v>2326</v>
      </c>
      <c r="D28" s="1567">
        <v>2576</v>
      </c>
      <c r="E28" s="1568">
        <v>2557</v>
      </c>
      <c r="F28" s="1568">
        <v>2687</v>
      </c>
      <c r="G28" s="1566">
        <v>2670</v>
      </c>
      <c r="H28" s="1567">
        <v>2636</v>
      </c>
      <c r="I28" s="1568">
        <v>2479</v>
      </c>
      <c r="J28" s="1568">
        <v>2385</v>
      </c>
      <c r="K28" s="1569">
        <v>4474</v>
      </c>
      <c r="L28" s="1730">
        <v>5357</v>
      </c>
      <c r="M28" s="1568">
        <v>10490</v>
      </c>
      <c r="N28" s="1568">
        <v>9828</v>
      </c>
    </row>
    <row r="29" spans="1:14" ht="13.4" customHeight="1" x14ac:dyDescent="0.25">
      <c r="A29" s="189" t="s">
        <v>766</v>
      </c>
      <c r="B29" s="1733">
        <v>2044</v>
      </c>
      <c r="C29" s="188">
        <v>2225</v>
      </c>
      <c r="D29" s="1567">
        <v>2470</v>
      </c>
      <c r="E29" s="1568">
        <v>2521</v>
      </c>
      <c r="F29" s="1568">
        <v>2613</v>
      </c>
      <c r="G29" s="1566">
        <v>2626</v>
      </c>
      <c r="H29" s="1567">
        <v>2558</v>
      </c>
      <c r="I29" s="1568">
        <v>2444</v>
      </c>
      <c r="J29" s="1568">
        <v>2308</v>
      </c>
      <c r="K29" s="1734">
        <v>4269</v>
      </c>
      <c r="L29" s="1735">
        <v>5239</v>
      </c>
      <c r="M29" s="1568">
        <v>10230</v>
      </c>
      <c r="N29" s="1568">
        <v>9595</v>
      </c>
    </row>
    <row r="30" spans="1:14" ht="13.4" customHeight="1" x14ac:dyDescent="0.25">
      <c r="A30" s="134" t="s">
        <v>767</v>
      </c>
      <c r="B30" s="1733">
        <v>-11</v>
      </c>
      <c r="C30" s="188">
        <v>14</v>
      </c>
      <c r="D30" s="1567">
        <v>4</v>
      </c>
      <c r="E30" s="1568">
        <v>6</v>
      </c>
      <c r="F30" s="1568">
        <v>0</v>
      </c>
      <c r="G30" s="1566">
        <v>24</v>
      </c>
      <c r="H30" s="1567">
        <v>7</v>
      </c>
      <c r="I30" s="1568">
        <v>9</v>
      </c>
      <c r="J30" s="1568">
        <v>13</v>
      </c>
      <c r="K30" s="1569">
        <v>-15</v>
      </c>
      <c r="L30" s="1730">
        <v>67</v>
      </c>
      <c r="M30" s="1568">
        <v>37</v>
      </c>
      <c r="N30" s="1568">
        <v>48</v>
      </c>
    </row>
    <row r="31" spans="1:14" ht="13.4" customHeight="1" x14ac:dyDescent="0.25">
      <c r="A31" s="190" t="s">
        <v>768</v>
      </c>
      <c r="B31" s="1721">
        <v>2033</v>
      </c>
      <c r="C31" s="191">
        <v>2239</v>
      </c>
      <c r="D31" s="1703">
        <v>2474</v>
      </c>
      <c r="E31" s="1704">
        <v>2527</v>
      </c>
      <c r="F31" s="1704">
        <v>2613</v>
      </c>
      <c r="G31" s="1705">
        <v>2650</v>
      </c>
      <c r="H31" s="1703">
        <v>2565</v>
      </c>
      <c r="I31" s="1704">
        <v>2453</v>
      </c>
      <c r="J31" s="1704">
        <v>2321</v>
      </c>
      <c r="K31" s="1736">
        <v>4254</v>
      </c>
      <c r="L31" s="1737">
        <v>5306</v>
      </c>
      <c r="M31" s="1704">
        <v>10267</v>
      </c>
      <c r="N31" s="1704">
        <v>9643</v>
      </c>
    </row>
    <row r="32" spans="1:14" ht="13.4" customHeight="1" x14ac:dyDescent="0.25">
      <c r="A32" s="192"/>
      <c r="B32" s="192"/>
      <c r="C32" s="192"/>
      <c r="D32" s="192"/>
      <c r="E32" s="192"/>
      <c r="F32" s="192"/>
      <c r="G32" s="192"/>
      <c r="H32" s="192"/>
      <c r="I32" s="192"/>
      <c r="J32" s="192"/>
      <c r="K32" s="192"/>
      <c r="L32" s="192"/>
      <c r="M32" s="192"/>
      <c r="N32" s="192"/>
    </row>
    <row r="33" spans="1:14" ht="10.4" customHeight="1" x14ac:dyDescent="0.25">
      <c r="A33" s="3103" t="s">
        <v>769</v>
      </c>
      <c r="B33" s="3104" t="s">
        <v>38</v>
      </c>
      <c r="C33" s="3104" t="s">
        <v>38</v>
      </c>
      <c r="D33" s="3104" t="s">
        <v>38</v>
      </c>
      <c r="E33" s="3104" t="s">
        <v>38</v>
      </c>
      <c r="F33" s="3104" t="s">
        <v>38</v>
      </c>
      <c r="G33" s="3104" t="s">
        <v>38</v>
      </c>
      <c r="H33" s="3104" t="s">
        <v>38</v>
      </c>
      <c r="I33" s="3104" t="s">
        <v>38</v>
      </c>
      <c r="J33" s="3104" t="s">
        <v>38</v>
      </c>
      <c r="K33" s="3104" t="s">
        <v>38</v>
      </c>
      <c r="L33" s="3104" t="s">
        <v>38</v>
      </c>
      <c r="M33" s="3104" t="s">
        <v>38</v>
      </c>
      <c r="N33" s="3104" t="s">
        <v>38</v>
      </c>
    </row>
    <row r="34" spans="1:14" ht="10.4" customHeight="1" x14ac:dyDescent="0.25">
      <c r="A34" s="3103" t="s">
        <v>770</v>
      </c>
      <c r="B34" s="3104" t="s">
        <v>38</v>
      </c>
      <c r="C34" s="3104" t="s">
        <v>38</v>
      </c>
      <c r="D34" s="3104" t="s">
        <v>38</v>
      </c>
      <c r="E34" s="3104" t="s">
        <v>38</v>
      </c>
      <c r="F34" s="3104" t="s">
        <v>38</v>
      </c>
      <c r="G34" s="3104" t="s">
        <v>38</v>
      </c>
      <c r="H34" s="3104" t="s">
        <v>38</v>
      </c>
      <c r="I34" s="3104" t="s">
        <v>38</v>
      </c>
      <c r="J34" s="3104" t="s">
        <v>38</v>
      </c>
      <c r="K34" s="3104" t="s">
        <v>38</v>
      </c>
      <c r="L34" s="3104" t="s">
        <v>38</v>
      </c>
      <c r="M34" s="3104" t="s">
        <v>38</v>
      </c>
      <c r="N34" s="3104" t="s">
        <v>38</v>
      </c>
    </row>
  </sheetData>
  <mergeCells count="8">
    <mergeCell ref="A33:N33"/>
    <mergeCell ref="A34:N34"/>
    <mergeCell ref="A2:N2"/>
    <mergeCell ref="B3:C3"/>
    <mergeCell ref="D3:G3"/>
    <mergeCell ref="H3:J3"/>
    <mergeCell ref="K3:L3"/>
    <mergeCell ref="M3:N3"/>
  </mergeCells>
  <hyperlinks>
    <hyperlink ref="A1" location="TDM!A1" display=" Retour à la table des matières" xr:uid="{0C69586A-E761-40BB-85CF-16D9461F7A81}"/>
  </hyperlinks>
  <printOptions horizontalCentered="1"/>
  <pageMargins left="0.51181102362204722" right="0.51181102362204722" top="0.51181102362204722" bottom="0.51181102362204722" header="0.23622047244094491" footer="0.23622047244094491"/>
  <pageSetup scale="59" orientation="landscape" r:id="rId1"/>
  <headerFooter>
    <oddFooter>&amp;L&amp;G&amp;C&amp;"Scotia,Regular"&amp;9Informations financières supplémentaires (IFS)&amp;R&amp;"Scotia,Regular"&amp;9&amp;A</oddFooter>
  </headerFooter>
  <legacyDrawingHF r:id="rId2"/>
</worksheet>
</file>

<file path=docProps/app.xml><?xml version="1.0" encoding="utf-8"?>
<Properties xmlns="http://schemas.openxmlformats.org/officeDocument/2006/extended-properties" xmlns:vt="http://schemas.openxmlformats.org/officeDocument/2006/docPropsVTypes">
  <Template/>
  <Application>Microsoft Excel</Application>
  <DocSecurity>0</DocSecurity>
  <ScaleCrop>false</ScaleCrop>
  <HeadingPairs>
    <vt:vector size="4" baseType="variant">
      <vt:variant>
        <vt:lpstr>Worksheets</vt:lpstr>
      </vt:variant>
      <vt:variant>
        <vt:i4>37</vt:i4>
      </vt:variant>
      <vt:variant>
        <vt:lpstr>Named Ranges</vt:lpstr>
      </vt:variant>
      <vt:variant>
        <vt:i4>5</vt:i4>
      </vt:variant>
    </vt:vector>
  </HeadingPairs>
  <TitlesOfParts>
    <vt:vector size="42" baseType="lpstr">
      <vt:lpstr>Cover</vt:lpstr>
      <vt:lpstr>TDM</vt:lpstr>
      <vt:lpstr>Notes_1</vt:lpstr>
      <vt:lpstr>Notes_2</vt:lpstr>
      <vt:lpstr>Notes_3</vt:lpstr>
      <vt:lpstr>GTDAR</vt:lpstr>
      <vt:lpstr>1</vt:lpstr>
      <vt:lpstr>2</vt:lpstr>
      <vt:lpstr>3</vt:lpstr>
      <vt:lpstr>4</vt:lpstr>
      <vt:lpstr>5</vt:lpstr>
      <vt:lpstr>6</vt:lpstr>
      <vt:lpstr>7</vt:lpstr>
      <vt:lpstr>8</vt:lpstr>
      <vt:lpstr>9</vt:lpstr>
      <vt:lpstr>10</vt:lpstr>
      <vt:lpstr>11</vt:lpstr>
      <vt:lpstr>12</vt:lpstr>
      <vt:lpstr>13</vt:lpstr>
      <vt:lpstr>14</vt:lpstr>
      <vt:lpstr>15</vt:lpstr>
      <vt:lpstr>16</vt:lpstr>
      <vt:lpstr>17</vt:lpstr>
      <vt:lpstr>18</vt:lpstr>
      <vt:lpstr>19</vt:lpstr>
      <vt:lpstr>20</vt:lpstr>
      <vt:lpstr>21</vt:lpstr>
      <vt:lpstr>22</vt:lpstr>
      <vt:lpstr>23</vt:lpstr>
      <vt:lpstr>24</vt:lpstr>
      <vt:lpstr>25</vt:lpstr>
      <vt:lpstr>26</vt:lpstr>
      <vt:lpstr>27</vt:lpstr>
      <vt:lpstr>28</vt:lpstr>
      <vt:lpstr>29</vt:lpstr>
      <vt:lpstr>30</vt:lpstr>
      <vt:lpstr>31</vt:lpstr>
      <vt:lpstr>Cover!Cover</vt:lpstr>
      <vt:lpstr>'22'!Print_Area</vt:lpstr>
      <vt:lpstr>Cover!Print_Area</vt:lpstr>
      <vt:lpstr>VarianceMax</vt:lpstr>
      <vt:lpstr>VarianceMin</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polinario, Ella</dc:creator>
  <cp:keywords/>
  <dc:description/>
  <cp:lastModifiedBy>Yip, Daria</cp:lastModifiedBy>
  <cp:lastPrinted>2023-05-23T23:24:07Z</cp:lastPrinted>
  <dcterms:created xsi:type="dcterms:W3CDTF">2023-04-26T18:08:28Z</dcterms:created>
  <dcterms:modified xsi:type="dcterms:W3CDTF">2023-05-30T19:28:53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y fmtid="{D5CDD505-2E9C-101B-9397-08002B2CF9AE}" pid="3" name="SV_HIDDEN_GRID_QUERY_LIST_4F35BF76-6C0D-4D9B-82B2-816C12CF3733">
    <vt:lpwstr>empty_477D106A-C0D6-4607-AEBD-E2C9D60EA279</vt:lpwstr>
  </property>
</Properties>
</file>